
<file path=[Content_Types].xml><?xml version="1.0" encoding="utf-8"?>
<Types xmlns="http://schemas.openxmlformats.org/package/2006/content-types">
  <Default Extension="bin" ContentType="application/vnd.openxmlformats-officedocument.spreadsheetml.printerSettings"/>
  <Override PartName="/xl/theme/theme1.xml" ContentType="application/vnd.openxmlformats-officedocument.theme+xml"/>
  <Override PartName="/xl/styles.xml" ContentType="application/vnd.openxmlformats-officedocument.spreadsheetml.styles+xml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docProps/app.xml" ContentType="application/vnd.openxmlformats-officedocument.extended-properties+xml"/>
  <Override PartName="/xl/worksheets/sheet1.xml" ContentType="application/vnd.openxmlformats-officedocument.spreadsheetml.worksheet+xml"/>
  <Override PartName="/xl/sharedStrings.xml" ContentType="application/vnd.openxmlformats-officedocument.spreadsheetml.sharedStrings+xml"/>
  <Override PartName="/docProps/core.xml" ContentType="application/vnd.openxmlformats-package.core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>
  <fileVersion appName="xl" lastEdited="4" lowestEdited="4" rupBuild="4507"/>
  <workbookPr defaultThemeVersion="124226"/>
  <bookViews>
    <workbookView xWindow="120" yWindow="60" windowWidth="13275" windowHeight="7005" tabRatio="150"/>
  </bookViews>
  <sheets>
    <sheet name="Прайс лист" sheetId="1" r:id="rId1"/>
  </sheets>
  <calcPr calcId="125725"/>
</workbook>
</file>

<file path=xl/sharedStrings.xml><?xml version="1.0" encoding="utf-8"?>
<sst xmlns="http://schemas.openxmlformats.org/spreadsheetml/2006/main" count="2222" uniqueCount="2222">
  <si>
    <t>Опт</t>
  </si>
  <si>
    <t>СНПЧ</t>
  </si>
  <si>
    <t xml:space="preserve"> Canon  PGI-425/ CLI-426(Bl,PhBl,C,M,Y) without ink/ with chip for Pixma IP4840/4940/MG5140/MG5240/MG6140/MG8140/ ix6540/ mx884</t>
  </si>
  <si>
    <t xml:space="preserve"> Canon  универс. без картриджей with 4*50мл DYE  ink для всех типов губочных к-жей Canon\ HP (PG-40/CL-41/ CL-511\ 513, PG-510,512)</t>
  </si>
  <si>
    <t xml:space="preserve"> Canon BCI-24 Ink-Mate (without ink) for IP 1000\ip1500\ip2000\mp110\ mp130\i475d\i455\i470d\i250\i320\i350\i450\s200\s200x\s300\s330 распродажа</t>
  </si>
  <si>
    <t xml:space="preserve"> Canon PGI-520BK,CLI-521Y/M/C/BK for PIXMA ip3600/ip4600\4700/ MX-868 with chip(with ink 5*60мл Dye)</t>
  </si>
  <si>
    <t xml:space="preserve"> Canon\HP  универс.набор 5 colors без чернил</t>
  </si>
  <si>
    <t xml:space="preserve"> T007-009  LWO  without ink for Epson 1290</t>
  </si>
  <si>
    <t xml:space="preserve"> T0441-0444/0431-0434 MSI for Eps C64/C66/C84/C86/CX6400/CX6600 without ink</t>
  </si>
  <si>
    <t xml:space="preserve"> T0481-0486 MSI  (for Eps R200/R300) without ink LWO</t>
  </si>
  <si>
    <t xml:space="preserve"> T054-0549  (for A3  Eps R800/1800)</t>
  </si>
  <si>
    <t xml:space="preserve"> T054-0549  (for A3  Eps R800/1800) б/у</t>
  </si>
  <si>
    <t xml:space="preserve"> T0591-0599 MSI for Epson 2400 without ink (for Pigment)</t>
  </si>
  <si>
    <t xml:space="preserve"> T0631-0634 +водн.чернила  Profi for Eps C67/C87/CX3700/CX4100/CX4700/CX5700F</t>
  </si>
  <si>
    <t xml:space="preserve"> T0731N-0731N-1032-1034  LWO V6.0 for T1100/TX 510/TX550 without ink</t>
  </si>
  <si>
    <t xml:space="preserve"> T0731N-734N V6.0.N.4 Profi +водн.чернила for Epson T10/T11/T20/T21/T20E/T40W/TX200/TX100/TX101/TX110/TX300F/TX209/TX400/TX410/TX409/TX550/TX600/C79/CX3900/CX4900/CX6900/CX7300/CX7310/CX8300/CX9300</t>
  </si>
  <si>
    <t xml:space="preserve"> T0731N-734N XF V6.0-F for Epson TX400/219/ TX300/TX600/C79/90/92/905/4900/6900/39005900/5600/5505/4905/5500/8300/7300/7310/9300/T23/T20/T21/TX102/TX103/TX105/TX203/CX3905/CX5501/CX5510  without ink CYMBK</t>
  </si>
  <si>
    <t xml:space="preserve"> T0801-0806 LWO for EP P50  without ink  for PX660/PX720/820</t>
  </si>
  <si>
    <t xml:space="preserve"> T0821-826  for Eps 1410 only ver.5.0</t>
  </si>
  <si>
    <t xml:space="preserve"> T0821N-826N V6.0N6 for Epson T-59/T-50/TX-700/TX-800FW without ink</t>
  </si>
  <si>
    <t xml:space="preserve"> T0921N-924N LWO-09D V6 с чернилами  for Epson StylusTX117\ TX106\T26/TX106/TX109\ C91/CX4300</t>
  </si>
  <si>
    <t xml:space="preserve"> T0921N-924N LWO-09D V6.0N6 for Epson StylusTX117\ TX106\T26/TX106/TX109\ C91/CX4300  without ink</t>
  </si>
  <si>
    <t xml:space="preserve"> T0961-0969 for Eps ST Photo R2880/2800  wihtout ink</t>
  </si>
  <si>
    <t xml:space="preserve"> T1281-1284 V6.0 for Epson S22/SX125/sx130/SX420/SX425/BX305F/sx230/sx235/sx430/sx435/sx440/sx445 (whithout ink) LWO</t>
  </si>
  <si>
    <t xml:space="preserve"> T1281-1284 V6.0 Profi + водн.чернила for Epson S22/SX125/sx130/SX420/SX425/BX305F/sx230/sx235/sx430/sx435/sx440/sx445 (4*80ml)</t>
  </si>
  <si>
    <t xml:space="preserve"> T1291-1291-1294 without ink for B42WD/BX305/BX320/BX625/BX635WD</t>
  </si>
  <si>
    <t xml:space="preserve"> T1291-1294 without ink for SX525WD/620FW/BX525WD/535WD/925FWD/935WD/WF7015</t>
  </si>
  <si>
    <t xml:space="preserve"> T1291-1294+чернила (4*80ml DYE)  for SX525WD/620FW/BX525WD/535WD/925FWD/935WD//WF7015</t>
  </si>
  <si>
    <t xml:space="preserve"> T1590-1594/1597-1599 for R2000 without ink</t>
  </si>
  <si>
    <t xml:space="preserve"> T1711-1714 Profi +чернила 4*60mi for Epson XP-33/ 103/ 203/207/303/306</t>
  </si>
  <si>
    <t xml:space="preserve"> T2601, T2611-2614  for XP-600 | XP-605 | XP-700 | XP-800 without ink</t>
  </si>
  <si>
    <t xml:space="preserve"> T5591-5596 MSI  (for Eps RX700) without ink</t>
  </si>
  <si>
    <t xml:space="preserve"> T7011-7014 ( WF4015) without ink for WF-4020 | WF-4025 | WF-4000 | WF-4095 | WF-4515 | WF-4525 |  WF-4530 | WF-4535 | WF-4535DWF | WF-4540 | WF-4545 | WF-4545DTWF | WF-4595 | WF-4595DNF</t>
  </si>
  <si>
    <t xml:space="preserve"> -программатор чипов OCB for plotter Epson 7700/9700/7710/9710\ 7890/9890/7908/9908/7910/9910/7900/9900/PX-H 10000 resetter (обнулять чипы, до того как уровень будет ноль)</t>
  </si>
  <si>
    <t xml:space="preserve"> -программатор чипов(BS-368)for printer Epson ST.Color680/777/790/870/875/890/895/915/975/EpsonStylus C42/C50/C60/C61/C62/ EpsonStPhoto 810/820/830/925/1270/1280/1290/2000p/ R200/R300/R800/RX500  (resseters)</t>
  </si>
  <si>
    <t xml:space="preserve"> -программатор чипов(BS-388)for plotter Epson Pro 10000/10600/4000/4800/5500/7000/7500/7600/7800/9000/ 9500/9600/9800 (resseters)</t>
  </si>
  <si>
    <t xml:space="preserve"> -программатор чипов(RS-79)for plotter Epson PRO 9910/ 7910/ 7900/ 9900/ 7908/ 9908/ 7890/ 9890/ 11880/ 7700/ 9700/ PX-H8000/ PX-H10000 resetter (обнулять чипы, до того как уровень будет ноль)</t>
  </si>
  <si>
    <t xml:space="preserve"> HP (с4844/с4836/с4837/с4838) MSI  for плоттер Desiegnjet 1000/100/110plus; Business inkjet 1100 серии/1300/2300;  Deskjet 2000/1000/1200/1700 серии; Officejet 9110 /9120/9130 (4 цвета)  (without ink)</t>
  </si>
  <si>
    <t xml:space="preserve"> HP (с4844/с4911/с4912/с4913) for плоттер Design jet 500/500ps/800/800ps/815mfp (4 цвета)(without ink, with chip)</t>
  </si>
  <si>
    <t xml:space="preserve"> HP (с565/с4911/с4912/с4913)  for плоттер Design jet 500/510/800/810//820/815 (4 цвета)(without ink)</t>
  </si>
  <si>
    <t xml:space="preserve"> HP №177 for DJ 3110\3310\8230\8250 with chip (without ink)</t>
  </si>
  <si>
    <t xml:space="preserve"> HP №178/№564/№364 LWO without chip without ink  for B010b/B109/B110/ B8553/C5383/C6383/D5460 / Photosmart B8550/ D5463 | D5468 (чипы от оригиналов)</t>
  </si>
  <si>
    <t xml:space="preserve"> HP №85 (c5016, c4911, c9426-9429) for  DJ 30\ 130 with chip (without ink) (69 мл. LM , LC , B , Y + 28 мл. M , C)</t>
  </si>
  <si>
    <t xml:space="preserve"> HP №88 (c9385-9388) for Design jet PRO k550/K5400 (4 цвета 69ml+3*28ml)  (without inkl)</t>
  </si>
  <si>
    <t xml:space="preserve"> HP №88 (c9385-9388) for Design jet PRO k550/K5400 (4 цвета)  (with ink 4*28ml)</t>
  </si>
  <si>
    <t xml:space="preserve"> HP №920 for OJ 6000\6500 (4 цвета) without chip (without ink) ставятся чипы от оригиналов</t>
  </si>
  <si>
    <t xml:space="preserve"> HP с картриджами (с8721Z/8771Z-8775Z) (without ink) for HP Photosmart D6100 series/ D6160/ D6163/ D6168/ C7100 series/ C7150/ C7170/ C7177/ C7180/ C7183/ C7186/ C7188/ C7190/ C6100 series/ C6150/C6154/C6170/C6175/C6180/C6183/C6185/C6188 Ver.HP801</t>
  </si>
  <si>
    <t xml:space="preserve"> НР (c9402-9405) LWO for HP PRO 8000 without chip without ink (чипы от оригиналов) (69ml+3*28ml)</t>
  </si>
  <si>
    <t xml:space="preserve"> НР с картриджами 131+135 without ink MSI for HP 8765/8766</t>
  </si>
  <si>
    <t xml:space="preserve"> НР с картриджами 132+134 without ink MSI</t>
  </si>
  <si>
    <t xml:space="preserve"> НР с картриджами 6615+6625 without ink MSI</t>
  </si>
  <si>
    <t xml:space="preserve"> НР с картриджами 8727+8728 without ink MSI</t>
  </si>
  <si>
    <t xml:space="preserve"> НР\ Canon универс.набор 4 colors (без чернил)</t>
  </si>
  <si>
    <t xml:space="preserve"> НР\ Canon универс.набор 6 colors (без чернил)</t>
  </si>
  <si>
    <t xml:space="preserve"> кружка с цв.ободком и ручкой (зеленая) d8,2sm/h9,5sm L1610037</t>
  </si>
  <si>
    <t xml:space="preserve"> тарелка белая d13,5sm L1610061</t>
  </si>
  <si>
    <t xml:space="preserve"> -зип: банки СНПЧ  (4цвета) универсальные HP, Epson, Canon в комплекте с шлейфом</t>
  </si>
  <si>
    <t xml:space="preserve"> -зип: банки СНПЧ (6цветов) RX700 в комплекте с шлейфом</t>
  </si>
  <si>
    <t xml:space="preserve"> -зип: банки СНПЧ (6цветов) в комплекте с шлейфом</t>
  </si>
  <si>
    <t xml:space="preserve"> -зип: банки СНПЧ 5 цветов в ком-те со шлейфом</t>
  </si>
  <si>
    <t xml:space="preserve"> -зип: банки СНПЧ по 1 штуке</t>
  </si>
  <si>
    <t xml:space="preserve"> -зип: бутылк 100мл PET прозр./круглая.для чернил в комплекте с  крышкой без логотипа (мешок 300шт)</t>
  </si>
  <si>
    <t xml:space="preserve"> -зип: бутылк 1L PET прозр./круглая для чернил/тонера в комплекте с зеленой крышкой без логотипа</t>
  </si>
  <si>
    <t xml:space="preserve"> -зип: воронка заливная для снпч</t>
  </si>
  <si>
    <t xml:space="preserve"> -зип: гильза силиконовая бесцветная для картриджа</t>
  </si>
  <si>
    <t xml:space="preserve"> -зип: держатель шлейфа пластиковый Т-образный</t>
  </si>
  <si>
    <t xml:space="preserve"> -зип: держатель(фиксатор) для 4х картриджей</t>
  </si>
  <si>
    <t xml:space="preserve"> -зип: держатель(фиксатор) для 5х картриджей</t>
  </si>
  <si>
    <t xml:space="preserve"> -зип: держатель(фиксатор) для 6х картриджей</t>
  </si>
  <si>
    <t xml:space="preserve"> -зип: заглушка силиконовая бесцветная для возд.отверстия картриджа</t>
  </si>
  <si>
    <t xml:space="preserve"> -зип: игла специальная для заправки СНПЧ с широким отверстием</t>
  </si>
  <si>
    <t xml:space="preserve"> -зип: картридж для ДЗК (комплект картр.без чипов) T5801-T5809 for plotter ST Pro 3800/3880</t>
  </si>
  <si>
    <t xml:space="preserve"> -зип: картридж для ДЗК for R3000 за 1шт (для T1571-1579)</t>
  </si>
  <si>
    <t xml:space="preserve"> -зип: картридж для ДЗК HP 950/711 black 80ml XXL (без чипа, без чернил)</t>
  </si>
  <si>
    <t xml:space="preserve"> -зип: картридж для ДЗК HP 950/711/932  black 20ml XL (без чипа, без чернил)</t>
  </si>
  <si>
    <t xml:space="preserve"> -зип: картридж для ДЗК HP 951/711/933 C,M,Y 12ml (без чипа, без чернил)</t>
  </si>
  <si>
    <t xml:space="preserve"> -зип: картридж для ДЗК серии Epson Т048 (12мл) без чипа</t>
  </si>
  <si>
    <t xml:space="preserve"> -зип: картридж для ДЗК серии Epson Т073/Т082/080\Т092/Е128 (12мл) без чипа</t>
  </si>
  <si>
    <t xml:space="preserve"> -зип: картридж для СНПЧ HP черный пигм. серия №920/№178/№564/№364</t>
  </si>
  <si>
    <t xml:space="preserve"> -зип: картридж для СНПЧ серии Canon CLI-8 (9мл) без чипа</t>
  </si>
  <si>
    <t xml:space="preserve"> -зип: картридж для СНПЧ серии Epson Т073/Т082/Т092 (7мл) без чипа</t>
  </si>
  <si>
    <t xml:space="preserve"> -зип: картридж для СНПЧ серии Epson Т5591-5594 (rx700)</t>
  </si>
  <si>
    <t xml:space="preserve"> -зип: картридж для СНПЧ/ДЗК HP 28мл серий ….. И тд без чипов без чернил</t>
  </si>
  <si>
    <t xml:space="preserve"> -зип: картридж для СНПЧ/ДЗК HP 69мл серий 4844,4911,-12,-13,565 и тд без чипов без чернил</t>
  </si>
  <si>
    <t xml:space="preserve"> -зип: картридж для СНПЧ/ДЗК HP цв Серия №920/№178/№564/№364</t>
  </si>
  <si>
    <t xml:space="preserve"> -зип: картридж(пустой) Canon PFI-102\107 280ml</t>
  </si>
  <si>
    <t xml:space="preserve"> -зип: картридж(пустой) Epson T3000\3200\5000\5200 700ml</t>
  </si>
  <si>
    <t xml:space="preserve"> -зип: Клапан Обратный Демпферный 4-х канальный</t>
  </si>
  <si>
    <t xml:space="preserve"> -зип: липкая лента (липучка)</t>
  </si>
  <si>
    <t xml:space="preserve"> -зип: отвод угловой для шлейфа подачи чернил</t>
  </si>
  <si>
    <t xml:space="preserve"> -зип: подиум для 1 чипа for Т073/Т082/Т092</t>
  </si>
  <si>
    <t xml:space="preserve"> -зип: подиум для 1 чипа for Т128</t>
  </si>
  <si>
    <t xml:space="preserve"> -зип: подиум для планки 4 чипа Т073/Т082/Т092</t>
  </si>
  <si>
    <t xml:space="preserve"> -зип: подиум для планки 6 чипов Т073/Т082/Т092</t>
  </si>
  <si>
    <t xml:space="preserve"> -зип: пробка силиконовая 7мм желтая для СНПЧ</t>
  </si>
  <si>
    <t xml:space="preserve"> -зип: пробка силиконовая black для возд.отверстия картриджа</t>
  </si>
  <si>
    <t xml:space="preserve"> -зип: пробка силиконовая Cyan для возд.отверстия картриджа</t>
  </si>
  <si>
    <t xml:space="preserve"> -зип: пробка силиконовая LC для возд.отверстия картриджа</t>
  </si>
  <si>
    <t xml:space="preserve"> -зип: пробка силиконовая LM для возд.отверстия картриджа</t>
  </si>
  <si>
    <t xml:space="preserve"> -зип: пробка силиконовая Magenta для возд.отверстия картриджа</t>
  </si>
  <si>
    <t xml:space="preserve"> -зип: пробка силиконовая MattBlack для возд.отверстия картриджа</t>
  </si>
  <si>
    <t xml:space="preserve"> -зип: пробка силиконовая Yellow для возд.отверстия картриджа</t>
  </si>
  <si>
    <t xml:space="preserve"> -зип: пробка силиконовая малая для отверстия подачи воздуха в банку или картридж</t>
  </si>
  <si>
    <t xml:space="preserve"> -зип: прокладка больш.силиконовая для дюз к-жей НР920/ 178/ PGI-5/ CLI-520</t>
  </si>
  <si>
    <t xml:space="preserve"> -зип: прокладка малая силиконовая для дюз к-жей НР920/ 178/ CLI-8/ CLI-521</t>
  </si>
  <si>
    <t xml:space="preserve"> -зип: установочнгый комплект на 4 картриджей (углы, гильзы, фильтры, шприц и т.д. см.фото)</t>
  </si>
  <si>
    <t xml:space="preserve"> -зип: установочнгый комплект на 5 картриджей (углы, гильзы, фильтры, шприц и т.д. см.фото)</t>
  </si>
  <si>
    <t xml:space="preserve"> -зип: установочнгый комплект на 6 картриджей (углы, гильзы, фильтры, шприц и т.д. см.фото)</t>
  </si>
  <si>
    <t xml:space="preserve"> -зип: фиксатор шлейфа 6х на липучке на принтер</t>
  </si>
  <si>
    <t xml:space="preserve"> -зип: фильтр воздушный</t>
  </si>
  <si>
    <t xml:space="preserve"> -зип: шприц для прокачки СНПЧ (10 мл) без иглы</t>
  </si>
  <si>
    <t xml:space="preserve"> -зип: шприц для прокачки СНПЧ (20 мл) без иглы</t>
  </si>
  <si>
    <t>Чернила</t>
  </si>
  <si>
    <t xml:space="preserve"> Canon CLI-8 C 0,1L Dye for CLI-426\521c\CL 41/CL 51/BCI-24  L0205407</t>
  </si>
  <si>
    <t xml:space="preserve"> Canon CLI-8 M 0,1L Dye for CLI-426\521m\CL 41/CL 51/ /BCI-24 L0205410</t>
  </si>
  <si>
    <t xml:space="preserve"> Canon CLI-8 Y 0,1L Dye for CLI-426\521y\CL 41/CL 51//BCI-24 L0205413</t>
  </si>
  <si>
    <t xml:space="preserve"> Canon CLI-8PC LC 0,1L Dye Exen (Japan) EJ710PC-02</t>
  </si>
  <si>
    <t xml:space="preserve"> Canon CLI-8PC LC 1L Dye Exen (Japan) EJ710PC-01</t>
  </si>
  <si>
    <t xml:space="preserve"> Canon CLI-8PM LM 0,1L Dye Exen (Japan) EJ711PM-02</t>
  </si>
  <si>
    <t xml:space="preserve"> Canon CLI-8PM LM 1L Dye Exen (Japan) EJ711PM-01</t>
  </si>
  <si>
    <t xml:space="preserve"> Canon PGI-5Bk 0,1L Pigm Exen(Jp) for PGI-425\520/PG40/50/BCI-24/BCI-3/3E (EJ302PB-02 / CP-110Bk)</t>
  </si>
  <si>
    <t xml:space="preserve"> Canon/ HP Grey 0,1L универс.Dye</t>
  </si>
  <si>
    <t xml:space="preserve"> Epson Pigment GlossyOptimization 0,1L  Exen (Japan) EP1800GO for R800\1800/1900</t>
  </si>
  <si>
    <t xml:space="preserve"> Epson PRO series  MattBlack 0,1L  Pigment K3MBK-0,1L for R2400/7800/4800/9800/9880/7880 Exen for T0598\T0348/T6038/T5678/T5808/T5438</t>
  </si>
  <si>
    <t xml:space="preserve"> Epson PRO series Bl Photo 0,1L  Pigment K3PBk-0,1L for R2400/7800/4800/9800/9880/7880 Exen for T0591\T0341/T6031/T5631/T5801/T5431</t>
  </si>
  <si>
    <t xml:space="preserve"> Epson PRO series C 0,1L  Pigment K3C-0,1L for R2400/7800/4800/9800/9880/7880 Exen for T0592\T0342/T6032/T5632/T5802/T5432</t>
  </si>
  <si>
    <t xml:space="preserve"> Epson PRO series Green 0,1L pigment Exen (Japan) for R1900</t>
  </si>
  <si>
    <t xml:space="preserve"> Epson PRO series LC/PC 0,1L  Pigment K3PC-0,1L for R2400/7800/4800/9800/9880/7880 Exen for T0595\T0345/T6035/T5635/T5805/T5435</t>
  </si>
  <si>
    <t xml:space="preserve"> Epson PRO series LightBlack(Grey) 0,1L  Pigment K3LBK-0,1L for R2400/7800/4800/9800/9880/7880 Exen for T0597\T0347/T6037/T5637/T5807/T5437</t>
  </si>
  <si>
    <t xml:space="preserve"> Epson PRO series LightLightBlack(LightGrey) 0,1L  Pigment K3LLBK-0,1L for R2400/7800/4800/9800/9880 Exen for T0599/ T5809/ T5639/ T6039</t>
  </si>
  <si>
    <t xml:space="preserve"> Epson PRO series LM/PM 0,1L  Pigment K3PM-0,1L for R2400/7800/4800/9800/9880/7880 Exen for T0596\T0346/T6036/T5636/T5806/T5436</t>
  </si>
  <si>
    <t xml:space="preserve"> Epson PRO series M 0,1L  Pigment K3M-0,1L for R2400/7800/4800/9800/9880/7880 Exen for T0593\T0343/T6033/T5633/T5803/T5433</t>
  </si>
  <si>
    <t xml:space="preserve"> Epson PRO series Orange(LLM) 0,1L pigment Exen (Japan) for R1900</t>
  </si>
  <si>
    <t xml:space="preserve"> Epson PRO series RED 0,1L pigment Exen (Japan)</t>
  </si>
  <si>
    <t xml:space="preserve"> Epson PRO series Y 0,1L  Pigment K3Y-0,1L for R2400/7800/4800/9800/9880/7880 Lomond for T0594\T0344/T6034/T5634/T5804/T5434</t>
  </si>
  <si>
    <t xml:space="preserve"> Epson SublimationCyan 0,1L для фотопринтеров Epson</t>
  </si>
  <si>
    <t xml:space="preserve"> Epson SublimationLC/PC 0,1L для фотопринтеров Epson</t>
  </si>
  <si>
    <t xml:space="preserve"> Epson SublimationLM/PM 0,1L для фотопринтеров Epson</t>
  </si>
  <si>
    <t xml:space="preserve"> Epson SublimationMagenta 0,1L для фотопринтеров Epson</t>
  </si>
  <si>
    <t xml:space="preserve"> Epson SublimationYellow 0,1L для фотопринтеров Epson</t>
  </si>
  <si>
    <t xml:space="preserve"> Epson T0481/0821\0801 universal  Bl 1L Dye Exen for R200/T50\TX700\ P50\ PX700 L0205674</t>
  </si>
  <si>
    <t xml:space="preserve"> Epson T0481/T0491/0821 black 0,1L Dye Exen (Japan) EJ159BK-02 Universal for All dye models</t>
  </si>
  <si>
    <t xml:space="preserve"> Epson T0482/0822\0802 universal C 1L Dye Exen for T50\TX700\ P50\ PX700</t>
  </si>
  <si>
    <t xml:space="preserve"> Epson T0482/T0492/0822 Cyan 0,1L Dye Exen (Japan) EJ180C-02 Universal for All dye models</t>
  </si>
  <si>
    <t xml:space="preserve"> Epson T0483/0823\0803 universal M 1L Dye Exen for T50\TX700\ P50\ PX700</t>
  </si>
  <si>
    <t xml:space="preserve"> Epson T0483/T0493/0823 Magenta 0,1L Dye Exen Universal for All dye models L0205591</t>
  </si>
  <si>
    <t xml:space="preserve"> Epson T0484/0824\0801 universal Y 1L Dye Exen for T50\TX700\ P50\ PX700</t>
  </si>
  <si>
    <t xml:space="preserve"> Epson T0484/T0494/0824 Y 0,1L Dye Exen (Japan) EJ182Y-02 Universal for All dye models</t>
  </si>
  <si>
    <t xml:space="preserve"> Epson T0485/T0495/0825  universal  LC 1L Dye Exen Universal for All dye models</t>
  </si>
  <si>
    <t xml:space="preserve"> Epson T0485/T0495/0825 LC 0,1L Dye Exen (Japan) EJ183LC-02 Universal for All dye models</t>
  </si>
  <si>
    <t xml:space="preserve"> Epson T0486/T0496/0826  universal  LM 1L Dye Exen  Universal for All dye models</t>
  </si>
  <si>
    <t xml:space="preserve"> Epson T0486/T0496/0826 LM 0,1L Dye Exen (Japan) EJ184LM-02 Universal for All dye models</t>
  </si>
  <si>
    <t xml:space="preserve"> Epson T0549 Blue(LC) 0,1L Dye Exen for R800\1800/1900</t>
  </si>
  <si>
    <t xml:space="preserve"> Epson T0871/ T0541 Bl 0,1L Dye Exen for R800\1800/1900</t>
  </si>
  <si>
    <t xml:space="preserve"> Epson T0872/ T0542 C 0,1L Dye Exen for R800\1800/1900</t>
  </si>
  <si>
    <t xml:space="preserve"> Epson T0873/ T0543 M 0,1L Dye Exen for R800\1800/1900</t>
  </si>
  <si>
    <t xml:space="preserve"> Epson T0874/ T0544 Y 0,1L Dye Exen for R800\1800/1900</t>
  </si>
  <si>
    <t xml:space="preserve"> Epson T0877/ T0547 Red(LM) 0,1L Dye Exen for R800\1800/1900</t>
  </si>
  <si>
    <t xml:space="preserve"> Epson T0878/ T0548 MattBlack 0,1L Dye Exen for R800\1800/1900</t>
  </si>
  <si>
    <t xml:space="preserve"> HP 177/178 LC\PC 0,1L Dye Exen (Japan) H801PC-0,1</t>
  </si>
  <si>
    <t xml:space="preserve"> HP 177/178 LM\PM 0,1L Dye Exen (Japan) H801PM-0,1</t>
  </si>
  <si>
    <t xml:space="preserve"> HP 177/178/920 Bk 0,1L Dye Exen (Japan) H801Bk-0,1</t>
  </si>
  <si>
    <t xml:space="preserve"> HP 177/178/920 C 0,1L Dye Exen (Japan) H801C-0,1</t>
  </si>
  <si>
    <t xml:space="preserve"> HP 177/178/920 M 0,1L Dye Exen (Japan) H801M-0,1</t>
  </si>
  <si>
    <t xml:space="preserve"> HP 177/178/920 Y 0,1L Dye Exen (Japan) H801Y-0,1</t>
  </si>
  <si>
    <t xml:space="preserve"> HP 6578/6657 C 0,1L Dye Exen for c1823/c6625/c6578/C8728/6657</t>
  </si>
  <si>
    <t xml:space="preserve"> HP 6578/6657 M 0,1L Dye Exen for c1823/c6625/c6578/C8728/6657</t>
  </si>
  <si>
    <t xml:space="preserve"> HP 6578/6657 Y 0,1L Dye Exen for c1823/c6625/c6578/C8728/6657</t>
  </si>
  <si>
    <t xml:space="preserve"> HP c5016/ c4844\51645 Bk 0,1L Dye Exen for  (Japan) H1000BK-0,1 all models for HP</t>
  </si>
  <si>
    <t xml:space="preserve"> HP pigment 0,2L Bl for №970,№932 / PRO x451/ x551/ x476/ x576/ x585/ 8000/ 8100/ 8500/ 8600/ 251dw/ 276dw/ OJ 6100/ 6600/ 6700/ 7110/ 7610</t>
  </si>
  <si>
    <t xml:space="preserve"> HP pigment 0,2L C for №971,№933 / PRO x451/ x551/ x476/ x576/ x585/ 8000/ 8100/ 8500/ 8600/ 251dw/ 276dw/ OJ 6100/ 6600/ 6700/ 7110/ 7610</t>
  </si>
  <si>
    <t xml:space="preserve"> HP pigment 0,2L M for №971,№933 / PRO x451/ x551/ x476/ x576/ x585/ 8000/ 8100/ 8500/ 8600/ 251dw/ 276dw/ OJ 6100/ 6600/ 6700/ 7110/ 7610</t>
  </si>
  <si>
    <t xml:space="preserve"> HP pigment 0,2L Y for №971,№933 / PRO x451/ x551/ x476/ x576/ x585/ 8000/ 8100/ 8500/ 8600/ 251dw/ 276dw/ OJ 6100/ 6600/ 6700/ 7110/ 7610</t>
  </si>
  <si>
    <t xml:space="preserve"> HP Universal LC 1L Dye Exen(Japan) for all model printer and plotter HP</t>
  </si>
  <si>
    <t xml:space="preserve"> HP Universal LM 1L Dye Exen(Japan) for all model printer and plotter HP</t>
  </si>
  <si>
    <t xml:space="preserve"> Lexmark Bl 0,1L Exen Pigment Universal for all models SIM50a</t>
  </si>
  <si>
    <t xml:space="preserve"> Lexmark C 0,1L Exen  Dye Universal for all models SIM10c</t>
  </si>
  <si>
    <t xml:space="preserve"> Lexmark M 0,1L Exen Dye Universal for all models SIM10c</t>
  </si>
  <si>
    <t xml:space="preserve"> Lexmark Y 0,1L Exen Dye Universal for all models SIM10c</t>
  </si>
  <si>
    <t xml:space="preserve"> запр.набор Canon CLI-8bk/BCI-7/7e black Exen (Japan) ECLI-8BK-30 refil kit (1*30ml dye ink)</t>
  </si>
  <si>
    <t xml:space="preserve"> запр.набор Canon CLI-8C /bci-7/7e Exen (Japan) ECLI-8C-30 for CLI-8C/ CL 41/51 refil kit (1*30ml dye ink)</t>
  </si>
  <si>
    <t xml:space="preserve"> запр.набор Canon CLI-8M/ bci-7-7e Exen (Japan) ECLI-8M-30 for CLI-8M/ CL 41/51 refil kit (1*30ml dye ink)</t>
  </si>
  <si>
    <t xml:space="preserve"> запр.набор Canon CLI-8Y/ bci7-7e Exen (Japan) ECLI-8Y-30 for CLI-8M/ CL 41/51 refil kit (1*30ml dye ink)</t>
  </si>
  <si>
    <t xml:space="preserve"> запр.набор Canon PGI-5bk/BCI-9 black Exen (Japan) EPGI-5BK-30 for PGI-5Bk/ PG40/50 refil kit (1*30ml pigment ink)</t>
  </si>
  <si>
    <t xml:space="preserve"> запр.набор HP 6578 C/M/Y Exen (Japan) E23A-90 for c1823/c6578/c6625 refil kit (3*30ml dye ink)</t>
  </si>
  <si>
    <t xml:space="preserve"> запр.набор HP 6657 C/M/Y Exen (Japan) E57A-90 for c6657/8728 refil kit (3*30ml dye ink)</t>
  </si>
  <si>
    <t xml:space="preserve"> Заправ.набор InkMate RK-HIM960A (2*40ml.(black) for c4840A/c4844A/4871 шприц + инктрукция+ салфетки + буравчик)</t>
  </si>
  <si>
    <t xml:space="preserve"> Заправ.набор InkMate RK-HIM960C (3*40ml.(c+m+y) for HP c4911,4912,4913/c4836,4837,4838/9425,9426,9427/4846,4847,4848/4872,4873,4874/4804,4805,4806 шприцы + инктрукция+ салфетки + буравчик)</t>
  </si>
  <si>
    <t xml:space="preserve">  T0801-804 комплект 4 цв*100ml Dye для фотопринтеров (T0821-826)</t>
  </si>
  <si>
    <t xml:space="preserve">  T0801-806 комплект 6 цв*100ml Dye для фотопринтеров (T0821-826)</t>
  </si>
  <si>
    <t xml:space="preserve"> Canon  PGI-520/5Bk Lom Bl 0,1L Pigm L0205416 (LC12-001B) for PGI-425\PGI-220/820/ 320/ PG-30/37/40/50/830 для чернильниц</t>
  </si>
  <si>
    <t xml:space="preserve"> Canon CL-511/513 Lom Bl 1L Pigment for CLI-426\CL-211/811 LC13-010B  L0205421 для картриджей с головками</t>
  </si>
  <si>
    <t xml:space="preserve"> Canon CL-511/513 Lom C 1L Dye for CLI-426\CL-211/811 LC13-010C L0205424 для картриджей с головками</t>
  </si>
  <si>
    <t xml:space="preserve"> Canon CL-511/513 Lom M 1L Dye for CLI-426\CL-211/811 LC13-010M L0205427 для картриджей с головками</t>
  </si>
  <si>
    <t xml:space="preserve"> Canon CL-511/513 Lom Y 1L Dye for CLI-426\CL-211/811 LC13-010Y L0205430 для картриджей с головками (L0205430)</t>
  </si>
  <si>
    <t xml:space="preserve"> Canon CLI-8 black 0,1L Dye Lom LC11-001B for CLI-426\CLI-521bk/BCI-6/ PIXMA iP1200-6700D/ iX4000/5000/ МР150-980/ Pro 9000 L0205404</t>
  </si>
  <si>
    <t xml:space="preserve"> Canon CLI-8/CLI-521 Lom Bl 1L Dye L0205406(LC11-010B)  for CLI-221BK/ 821BK/ 521BK, CBI-321BK</t>
  </si>
  <si>
    <t xml:space="preserve"> Canon LС16-010B LOM 1L  Dye L0205475 for Pixma  MG5420/ MG5440/ MG5450/ MG5460/ MG5470/ MG5480/ MG5520</t>
  </si>
  <si>
    <t xml:space="preserve"> Canon PGI-520/5Bk Bl 1L  Pigm Lom for PGI-425\PGI-220/820/ 320/ PG-30/37/40/50/830 LC12-010B Black 1L  L0205418 для чернильниц</t>
  </si>
  <si>
    <t xml:space="preserve"> Eps plotter PRO series  Green 1L Pigment Exen</t>
  </si>
  <si>
    <t xml:space="preserve"> Eps plotter PRO series  Orange 1L Pigment Exen</t>
  </si>
  <si>
    <t xml:space="preserve"> Eps plotter PRO series  Red 1L Pigment Exen</t>
  </si>
  <si>
    <t xml:space="preserve"> Eps plotter PRO series C 1L  Pigment LE10-010C for R2400/7800/4800/9800/9880/7880 Lomond L0205710 (T0592\T0342/T6032/T5632/T5802/T5432) L0205710</t>
  </si>
  <si>
    <t xml:space="preserve"> Eps plotter PRO series LBk/Grey 1L  Pigment LE10-010LB for R2400/7800/4800/9800/9880/7880 Lomond L0205728 (T0597\T0347/T6037/T5637/T5807/T5437) L0205728</t>
  </si>
  <si>
    <t xml:space="preserve"> Eps plotter PRO series LC/PC 1L  Pigment LE10-010LC for R2400/7800/4800/9800/9880/7880 Lomond L0205719 (T0595\T0345/T6035/T5635/T5805/T5435) L0205719</t>
  </si>
  <si>
    <t xml:space="preserve"> Eps plotter PRO series LLBk/LightGrey 1L  Pigment LE10-010LLB for R2400/7800/4800/9800/9880/7880 Lomond (T0599/ T5809/ T5639/ T6039) L0205731</t>
  </si>
  <si>
    <t xml:space="preserve"> Eps plotter PRO series LM/PM 1L  Pigment LE10-010LM for R2400/7800/4800/9800/9880/7880 Lomond L0205722 (T0596\T0346/T6036/T5636/T5806/T5436)</t>
  </si>
  <si>
    <t xml:space="preserve"> Eps plotter PRO series M 1L  Pigment LE10-010M for R2400/7800/4800/9800/9880/7880 Lomond  L0205713 (T0593\T0343/T6033/T5633/T5803/T5433)</t>
  </si>
  <si>
    <t xml:space="preserve"> Eps plotter PRO series MattBk 1L  Pigment LE10-010MB for R2400/7800/4800/9800/9880/7880 Lomond ( T0598\T0348/T6038/T5678/T5808/T5438) L0205707</t>
  </si>
  <si>
    <t xml:space="preserve"> Eps plotter PRO series PhBl 1L  Pigment LE10-010PB for R2400/7800/4800/9800/9880/7880 Lomond L0205725 (T0591\T0341/T6031/T5631/T5801/T5431) L0205725</t>
  </si>
  <si>
    <t xml:space="preserve"> Eps plotter PRO series Y 0,2L  Pigment LE10-010Y for R2400/7800/4800/9800/9880/7880 Lomond  L0205715 (T0594\T0344/T6034/T5634/T5804/T5434)</t>
  </si>
  <si>
    <t xml:space="preserve"> HP 4912/4837 M 1L Dye Lom LH05-010M for №10(4843)/№11(4837)/№82(4912)/№13(4816)/№22(с9352)/№28(c8728)/№817(c8817)/№57(c6657)/№57+(cb278)/№49(51649)/ Sams C75/C80/C90 L0205854</t>
  </si>
  <si>
    <t xml:space="preserve"> HP 51645/4844  Bl 1L Pigm  Lom LH04-010B for  №15\ №29\ с6614A (№20), №40, №56, №27,№21, C8816A (816)\ №94/№338/ №131/ №852), C8767(№96/ №339/ №130/ №853), №92\  Sams M90/ M80/ M75\M110 / M115/ M120 L0205848</t>
  </si>
  <si>
    <t xml:space="preserve"> HP 51645/4844 Bl 0,1L Pigm 0,1L Lom LH04-001B for №10(4840)/№13(4814)/№40/№21(9351)/№27(8727)/№56(c6656)/№816(c8816)/№92,336,850,132(c9362)/№94/№338,131,852, C8767(№96/ №339/ №130/ №853), №92\  Sams M90/ M80/ M75\M110 / M115/ M120 L0205846</t>
  </si>
  <si>
    <t xml:space="preserve"> T0731/ 0921/1281 Bl 1L Pigment  LE09-010B L0205677</t>
  </si>
  <si>
    <t xml:space="preserve"> T0731/1281\0921 Bl 0,1L Pigment LE09-001B L0205675</t>
  </si>
  <si>
    <t xml:space="preserve"> T0732/1282/0922 C 1L Pigment  LE09-010С  L0205680</t>
  </si>
  <si>
    <t xml:space="preserve"> T0732/1282\ 092 C 0,1L Pigment LE09-001C L0205678</t>
  </si>
  <si>
    <t xml:space="preserve"> T0733/1283/0923 M 1L Pigment  LE09-010M  L0205683</t>
  </si>
  <si>
    <t xml:space="preserve"> T0733/1283\ 093 M 0,1L Pigment LE09-001M L0205681</t>
  </si>
  <si>
    <t xml:space="preserve"> T0734/1284/0924 Y 1L Pigment  LE09-010Y  L0205686</t>
  </si>
  <si>
    <t xml:space="preserve"> T0734/1284\ 094 Y 0,1L Pigment LE09-001Y L0205684</t>
  </si>
  <si>
    <t xml:space="preserve"> T0801\0821 Bl 0,1L Special  L0205671</t>
  </si>
  <si>
    <t xml:space="preserve"> T0801\0821 Bl 0,2L Special  L0205670</t>
  </si>
  <si>
    <t xml:space="preserve"> T0801\0821 bl 1L Special L0205669</t>
  </si>
  <si>
    <t xml:space="preserve"> T0802\0822 C 0,1L Special LE08-001C L0205651</t>
  </si>
  <si>
    <t xml:space="preserve"> T0802\0822 C 1L Special  L0205653 for T0772/ 0782/0812</t>
  </si>
  <si>
    <t xml:space="preserve"> T0803\0823 M 0,1L Special LE08-001M L0205654</t>
  </si>
  <si>
    <t xml:space="preserve"> T0803\0823 M 1L Special  L0205656 for T0773/ 0783/0813</t>
  </si>
  <si>
    <t xml:space="preserve"> T0804\0824 Y 0,1L Special LE08-001Y L0205657</t>
  </si>
  <si>
    <t xml:space="preserve"> T0804\0824 Y 0,2L LE08-002Y</t>
  </si>
  <si>
    <t xml:space="preserve"> T0804\0824 Y 1L Special  L0205659</t>
  </si>
  <si>
    <t xml:space="preserve"> T0805\0825 LC 0,1L Special LE08-001LC L0205660</t>
  </si>
  <si>
    <t xml:space="preserve"> T0805\0825 LC 1L Special  L0205662</t>
  </si>
  <si>
    <t xml:space="preserve"> T0806\0826 LM 0,1L Special LE08-001LM  L0205663</t>
  </si>
  <si>
    <t xml:space="preserve"> T0806\0826 LM 1L Special  L0205665</t>
  </si>
  <si>
    <t xml:space="preserve"> Заправ.набор 3*20 мл black Lexmark 12A1970/12A1975/17G0050 (7000series)</t>
  </si>
  <si>
    <t xml:space="preserve"> Заправ.набор 3*20 мл col  Canon BC-05\ BCI-24\BCI-21 C/Y/M</t>
  </si>
  <si>
    <t xml:space="preserve"> сублимация Bl 0,2L Lom LTDI-002Bl Sublimation L0205687</t>
  </si>
  <si>
    <t xml:space="preserve"> сублимация C 0,2L Lom LTDI-002C Sublimation L0205688</t>
  </si>
  <si>
    <t xml:space="preserve"> сублимация LC 0,2L Lom LTDI-002LC Sublimation L0205691</t>
  </si>
  <si>
    <t xml:space="preserve"> сублимация LM 0,2L Lom LTDI-002LM Sublimation L0205692</t>
  </si>
  <si>
    <t xml:space="preserve"> сублимация M 0,2L Lom LTDI-002M Sublimation L0205689</t>
  </si>
  <si>
    <t xml:space="preserve"> сублимация Y 0,2L Lom LTDI-002Y Sublimation L0205690</t>
  </si>
  <si>
    <t xml:space="preserve"> краска фиолет. 50ml     для пропитки матр.катриджей</t>
  </si>
  <si>
    <t xml:space="preserve"> Riso G1 cyan</t>
  </si>
  <si>
    <t xml:space="preserve"> Riso RN (S-3195/ S -4205E) Black for RN  2100/2000</t>
  </si>
  <si>
    <t xml:space="preserve"> Epson  (E54/LB) L/Black 1L  for Epson Stylus Photo 2100/2200/Pro 4000/4400/7400/7600/9400/9600/R800/R1800  пр-во WWM</t>
  </si>
  <si>
    <t>Банковское и торговое оборудование</t>
  </si>
  <si>
    <t xml:space="preserve"> лампа уф 6вт черн</t>
  </si>
  <si>
    <t>Техника для офиса</t>
  </si>
  <si>
    <t xml:space="preserve"> GBC P50 A4 (Ручной дырокол 6л и переплетчик 90л)</t>
  </si>
  <si>
    <t xml:space="preserve"> ST Gazelle степлер, 3в1(степлер Gazelle, 1000 скоб  #56(6 мм) и антистеплер), скрепляет до 20листов, индикатор загрузки скоб</t>
  </si>
  <si>
    <t xml:space="preserve">   Вакуумный упаковщик Magic Seal  для продуктов и т.д.(пакет в рубчик)</t>
  </si>
  <si>
    <t xml:space="preserve">   Вакуумный упаковщик Sinbo  для продуктов и т.д.(пакет гладкий) 150вт, 0,045Mpa</t>
  </si>
  <si>
    <t xml:space="preserve"> BWL3430 "Flyer" A4 (Ручной дырокол 8л и переплетчик 150л</t>
  </si>
  <si>
    <t xml:space="preserve"> Ламинатор MS-A5,160mm, до 180град, реверс, горячее, 50mic-260mic, корпус металл.</t>
  </si>
  <si>
    <t>Картридж LJ</t>
  </si>
  <si>
    <t xml:space="preserve"> Canon  -drum (C-EXV11/ EXV12/GPR-15/-16/-25/-26/ NPG-25, )  for Canon iR2270/2870/3570/4570/2230/3530/ 3025/3045/ 3235/3245</t>
  </si>
  <si>
    <t xml:space="preserve"> Canon  -drum C-EXV1 for Canon IR4600/ 5000/ 5020/ 5055/ 5065/ 5075/ 5570/ 6000/ 6020/ 6570 (4229A002 AA)  F43-7801-600000 Узел барабана в сборе</t>
  </si>
  <si>
    <t xml:space="preserve"> Canon 706 MSI for MF6530/6500/6531/6550/6560/6580/6540</t>
  </si>
  <si>
    <t xml:space="preserve"> Canon 710(CRG-310) for LBP 3460 Retech</t>
  </si>
  <si>
    <t xml:space="preserve"> CANON 737/CF283A EuroP 1,6k for MF211/212/223/215/216/226/229</t>
  </si>
  <si>
    <t xml:space="preserve"> Canon E-30/ E-40/ E-31/ E-41/ E-50  EuroP</t>
  </si>
  <si>
    <t xml:space="preserve"> Canon E-30/E-31/E-40/ E-41/ E-50 MSI</t>
  </si>
  <si>
    <t xml:space="preserve"> Canon EP-27/26 EasyP for MF3110/MF3220/MF3240/3228/5530/5550/MF5630/MF5650/5730/5750/5770; MF-5730/5750/5770/ LBP-3200</t>
  </si>
  <si>
    <t xml:space="preserve"> Canon FX-3  MSI for L-200\240\250\280\290</t>
  </si>
  <si>
    <t xml:space="preserve"> Canon FX-4  for L-800\900 MSI\ Verbatim</t>
  </si>
  <si>
    <t xml:space="preserve"> Canon T-cartidge/-W/ FX-8/ S-35 for PC-D320/300/340/D380/510/ FAX-L400/ L170/ IC D323/383  Retech\ MSI</t>
  </si>
  <si>
    <t xml:space="preserve"> Epson 6200/6200L</t>
  </si>
  <si>
    <t xml:space="preserve"> HP 1010/FX-10/FX-9/703 univers MSI 2k for q2612a/1010/1012/1015/1018/1020/1022/1022N/3015/3020/3030/ 3050/3052/3055/  Canon  FAX L100/L120/L75 /I-senMF4110/4018/4120/4122/4140/4150 /ImageCLASS MF4150/4270/4680/4690/ MF6570/iCMF4110/4120/4122/4140/4150</t>
  </si>
  <si>
    <t xml:space="preserve"> HP 1100  MSI (EP-22/C4092a) for Canon LBP 800/810/ 1120</t>
  </si>
  <si>
    <t xml:space="preserve"> HP 1150 (q2624A) MSI with chip</t>
  </si>
  <si>
    <t xml:space="preserve"> HP 1200(c7115A) MSI 2,5k for Canon LBP 1210</t>
  </si>
  <si>
    <t xml:space="preserve"> HP 1200(c7115X) EasyP 4k univers (2613/2624/EP25) for 1150/1220/1300/ MFP3300/ 3330/ 3380/ Canon LBP 1210 универсальный with chip</t>
  </si>
  <si>
    <t xml:space="preserve"> HP 1200(c7115X) MSI 3,5к for Canon LBP 1210\ 558</t>
  </si>
  <si>
    <t xml:space="preserve"> HP 1300 (q2613A) MSI (new chip)</t>
  </si>
  <si>
    <t xml:space="preserve"> HP 1320 only (Q5949X) MSI  (new chip)</t>
  </si>
  <si>
    <t xml:space="preserve"> HP 2015(Q7553A) MSI (new chip) (3500K) for HP 2014/M2727</t>
  </si>
  <si>
    <t xml:space="preserve"> HP 2300 (Q2610A) MSI  (new chip) 6k</t>
  </si>
  <si>
    <t xml:space="preserve"> HP 2300 (Q2610A) NV-print</t>
  </si>
  <si>
    <t xml:space="preserve"> HP 2410/2420/2430/2400 (q6511A) 6k MSI (new chip)</t>
  </si>
  <si>
    <t xml:space="preserve"> HP 2410/2420/2430/2400 (q6511X) MSI  (new chip)</t>
  </si>
  <si>
    <t xml:space="preserve"> HP 3Si/4Si/4SiMX (EP-N/91A) 6k Verbatim распродажа</t>
  </si>
  <si>
    <t xml:space="preserve"> HP 4000 c4127a MSI 6к</t>
  </si>
  <si>
    <t xml:space="preserve"> HP 4200 (Q1338A) 12000 pages MSI</t>
  </si>
  <si>
    <t xml:space="preserve"> HP 4250/4350/4240 (q5942A) MSI</t>
  </si>
  <si>
    <t xml:space="preserve"> HP 4300 Q1339A MSI</t>
  </si>
  <si>
    <t xml:space="preserve"> HP 4L/4P (92274A) NV-Print</t>
  </si>
  <si>
    <t xml:space="preserve"> HP 4L/4P (C92274A) MSI</t>
  </si>
  <si>
    <t xml:space="preserve"> HP 4V (C3900A)</t>
  </si>
  <si>
    <t xml:space="preserve"> HP 4V (C3900A) Verbatim/ NV</t>
  </si>
  <si>
    <t xml:space="preserve"> HP 5000/5100/5000N/5000GN (С4129Х) MSI</t>
  </si>
  <si>
    <t xml:space="preserve"> HP 5200 (Q7516A) MSI</t>
  </si>
  <si>
    <t xml:space="preserve"> HP 8150/8100 c4182X  black MSI</t>
  </si>
  <si>
    <t xml:space="preserve"> HP 9000/9040/9050 (c8543X) регенерация NV</t>
  </si>
  <si>
    <t xml:space="preserve"> HP ce311 C EasyP for  Pro CP1025/1025nw/Pro 100 MFP M175A/Pro 100 MFP M175nw/TopShot LaserJet Pro M275/i-SENSYS LBP7010C/LBP7018C Canon Cartrige 729  (1000 стр.) голубой, с чипом</t>
  </si>
  <si>
    <t xml:space="preserve"> HP ce313 M  EasyP for  Pro CP1025/1025nw/Pro 100 MFP M175A/Pro 100 MFP M175nw/TopShot LaserJet Pro M275/i-SENSYS LBP7010C/LBP7018C Canon Cartrige 729 (1000 стр.) красный, с чипом</t>
  </si>
  <si>
    <t xml:space="preserve"> HP ce390a (10K) EasyP for M4555/h/f/fskm mfp Enterprise M601n/M601dn/M602n/M602dn/M602x/ M603 with chip</t>
  </si>
  <si>
    <t xml:space="preserve"> HP cf210a bl №131 MSI for M251 (Pro 200 color Printer) | M251n | M251nw | M276 (Pro 200 color MFP) | M276n (200 colorMFP) | M276nw</t>
  </si>
  <si>
    <t xml:space="preserve"> HP cf212a Y №131 MSI for M251 (Pro 200 color Printer) | M251n | M251nw | M276 (Pro 200 color MFP) | M276n (200 colorMFP) | M276nw</t>
  </si>
  <si>
    <t xml:space="preserve"> HP CF217A (без чипа) M102w/M130fw 1600 страниц</t>
  </si>
  <si>
    <t xml:space="preserve"> HP CF283X (№83Х) MSI 2,2k for M200 series | M201dw Pro (CF456A) | M201n Pro (CF455A) | M202dw Pro (C6N21A) | M202n Pro (C6N20A) | M225 Pro/ MFP | M225dn Pro MFP (CF484A) | M225dw Pro MFP (CF485A) | M225rdn Pro MFP (CF486A)</t>
  </si>
  <si>
    <t xml:space="preserve"> HP CF410X №410X Black LaserJet Toner Cartridge for</t>
  </si>
  <si>
    <t xml:space="preserve"> HP color 2500/1500 Black C9700A MSI</t>
  </si>
  <si>
    <t xml:space="preserve"> HP color 2500/1500 C C9701A MSI</t>
  </si>
  <si>
    <t xml:space="preserve"> HP color 2500/1500 Y C9702A MSI</t>
  </si>
  <si>
    <t xml:space="preserve"> HP color 2550\2840 (Q3960) black  MSI for 2820/2840/2550L</t>
  </si>
  <si>
    <t xml:space="preserve"> HP color 2550\2840 (Q3961) cyan MSI for 2820/2840/2550L</t>
  </si>
  <si>
    <t xml:space="preserve"> HP color 2550\2840 (Q3962) yellow MSI for 2820/2840/2550L</t>
  </si>
  <si>
    <t xml:space="preserve"> HP color 2600n Y Q6002A EasyP for 1600/2605/cm1015/cm1017mfp  №124</t>
  </si>
  <si>
    <t xml:space="preserve"> HP color 3600 Cyan Q6471A</t>
  </si>
  <si>
    <t xml:space="preserve"> HP color 3600 Cyan Q6471A MSI 4k</t>
  </si>
  <si>
    <t xml:space="preserve"> HP color 3600 Magenta Q6473A MSI 4k</t>
  </si>
  <si>
    <t xml:space="preserve"> HP color 3600 Yellow Q6472A MSI 4k</t>
  </si>
  <si>
    <t xml:space="preserve"> HP color 4500/4550/N/DN  (4191A) Bl  MSI\Verbatim (EP-83)</t>
  </si>
  <si>
    <t xml:space="preserve"> HP color 4500/4550/N/DN  (4192A) C MSI\Verbatim</t>
  </si>
  <si>
    <t xml:space="preserve"> HP color 4500/4550/N/DN  (4192A) C распродажа</t>
  </si>
  <si>
    <t xml:space="preserve"> HP color 4500/4550/N/DN  (4193A)  M Verbatim</t>
  </si>
  <si>
    <t xml:space="preserve"> HP color 4500/4550/N/DN  (4194A)  Y Verbatim</t>
  </si>
  <si>
    <t xml:space="preserve"> HP color 4500N (4196A) transfer kit распродажа</t>
  </si>
  <si>
    <t xml:space="preserve"> HP color 4500N (4198A) fuser kit распродажа</t>
  </si>
  <si>
    <t xml:space="preserve"> HP color 4500N/4550 (4195A) Colour drum kit распродажа</t>
  </si>
  <si>
    <t xml:space="preserve"> HP color 4600 C9720A Black, 9000 pages</t>
  </si>
  <si>
    <t xml:space="preserve"> HP color 4600 C9722A Yellow, 9000 pages</t>
  </si>
  <si>
    <t xml:space="preserve"> HP color 4600 C9723A Magenta, 9000 pages</t>
  </si>
  <si>
    <t xml:space="preserve"> HP color 4600/ 4650 C9720A Bl Profi 10k</t>
  </si>
  <si>
    <t xml:space="preserve"> HP color 4600/ 4650 C9722A Y Profi 8k</t>
  </si>
  <si>
    <t xml:space="preserve"> HP color 4600/ 4650 C9723A M Profi 8k</t>
  </si>
  <si>
    <t xml:space="preserve"> HP color 5500/5550 Black C9730A MSI</t>
  </si>
  <si>
    <t xml:space="preserve"> HP color 5500/5550 Yellow, 12000 pages C9732A</t>
  </si>
  <si>
    <t xml:space="preserve"> HP color CE320A Black EasyP for for Color LaserJet Pro CP1525/CM1415</t>
  </si>
  <si>
    <t xml:space="preserve"> HP color CE322A Yellow EasyP for Color LaserJet Pro CP1525/CM1415</t>
  </si>
  <si>
    <t xml:space="preserve"> HP color CE323A Magenta EasyP for Color LaserJet Pro CP1525/CM1415</t>
  </si>
  <si>
    <t xml:space="preserve"> HP color CP2025 (cc530A) EasyP 3,5k Bl  for CM2320nf/fxi</t>
  </si>
  <si>
    <t xml:space="preserve"> HP color CP2025 (cc531A) EasyP 2,8k C for CM2320nf/fxi  2800k</t>
  </si>
  <si>
    <t xml:space="preserve"> HP color CP2025 (cc533A) EasyP 2,8k M for CM2320nf/fxi  2800k</t>
  </si>
  <si>
    <t xml:space="preserve"> HP EasyP universal for HP LJ 4200/4250/4300/4350/M4345MFP for Q1338A/Q1339A/Q5942A/Q5942A/Q5945A  (20000 стр.) с чипом 42X</t>
  </si>
  <si>
    <t xml:space="preserve"> HP p1102(CE285A) EuroP  for P1102/P1102W/1132/M1212 Canon725 LBP6000\6020/ 6030</t>
  </si>
  <si>
    <t xml:space="preserve"> HP P1505 (CB436A)</t>
  </si>
  <si>
    <t xml:space="preserve"> HP p1505 (CB436A) MSI  for M1319/M1522/M1120</t>
  </si>
  <si>
    <t xml:space="preserve"> HP p1566 (CE278A) EuroP универс.for P1560/P1606dn/ Canon 728/ i-SENSYS MF4410/MF4430/MF4450 /MF4550D/MF4570DN/MF</t>
  </si>
  <si>
    <t xml:space="preserve"> HP p1566 (CE278A) MSI for P1560/P1606dn/1536  неподходит для  Canon MF45XX</t>
  </si>
  <si>
    <t xml:space="preserve"> HP P2035/2055 (CE505A) MSI 2,3к for P2030/P2035/P2050/P2055/Canon 719</t>
  </si>
  <si>
    <t xml:space="preserve"> HP P2055 (CE505X) EasyP  for P2050/P2055/Canon 719</t>
  </si>
  <si>
    <t xml:space="preserve"> HP P3015 (CE255A) EasyP for P3015d/P3015dn/P3015X/ With Chip (6K)</t>
  </si>
  <si>
    <t xml:space="preserve"> HP P3015 (CE255X) EasyP for P3015d/P3015dn/P3015X/ Canon 724 With Chip (12,5K)</t>
  </si>
  <si>
    <t xml:space="preserve"> HP univers EuroP  CB435A/CB436A/CE285A/CB388/Canon 712/713/725 2k пр-во EP</t>
  </si>
  <si>
    <t xml:space="preserve"> Kyocera DK-110 Drum Kit for FS-720/820/920/1016MFP/1116MFP Узел фотобарабана (100K)</t>
  </si>
  <si>
    <t xml:space="preserve"> Lexmark E230/E232/E240/E330/E330 (12А8400).прошивка EU</t>
  </si>
  <si>
    <t xml:space="preserve"> Optra E250/350/352 9k Retech</t>
  </si>
  <si>
    <t xml:space="preserve"> Optra S -drum 1250/1255/1855/1620/1650/2420/2450/2455  (1382920) 7,5к распродажа</t>
  </si>
  <si>
    <t xml:space="preserve"> Optra S -drum 1250/1255/1855/1620/1650/2420/2450/2455  (1382925)  17k распродажа</t>
  </si>
  <si>
    <t xml:space="preserve"> toner-cartridge for Panasonic UG-3204 for UF-745/755/758 распродажа</t>
  </si>
  <si>
    <t xml:space="preserve"> Samsung (CLT-K409S) C MSI for CLP-310/315/CLX-3170/317</t>
  </si>
  <si>
    <t xml:space="preserve"> Samsung (CLT-K409S) M  MSI for CLP-310/315/CLX-3170/317</t>
  </si>
  <si>
    <t xml:space="preserve"> Samsung (CLT-K409S) Y MSI for CLP-310/315/CLX-3170/317</t>
  </si>
  <si>
    <t xml:space="preserve"> Samsung CLP-510D2M</t>
  </si>
  <si>
    <t xml:space="preserve"> Samsung CLP-C300A EasyP CLP-300/300N/CLX-2160/2160N/3160/3160FN/Xerox Phaser 6110/MFP6110 Cyan (Euro version)</t>
  </si>
  <si>
    <t xml:space="preserve"> Samsung CLP-K300A EasyP CLP-300/300N/CLX-2160/2160N/3160/3160FN/Xerox Phaser 6110/MFP6110 Black (Euro version)</t>
  </si>
  <si>
    <t xml:space="preserve"> Samsung CLP-M300A EasyP CLP-300/300N/CLX-2160/2160N/3160/3160FN/Xerox Phaser 6110 Magenta (Euro version)</t>
  </si>
  <si>
    <t xml:space="preserve"> Samsung CLP-Y300A EasyP CLP-300/300N/CLX-2160/2160N/3160/3160FN/Xerox Phaser 6110 Yellow (Euro version)</t>
  </si>
  <si>
    <t xml:space="preserve"> Samsung CLT-K406S bk EuroP for CLP-360/CLX-3300</t>
  </si>
  <si>
    <t xml:space="preserve"> Samsung D117S EasyP for SCX-4650/4655, 2500 страниц</t>
  </si>
  <si>
    <t xml:space="preserve"> Samsung K-407 Bl MSI for CLP 321/320/325/CLX-3185</t>
  </si>
  <si>
    <t xml:space="preserve"> Samsung K-407 C MSI for CLP 321/320/325/CLX-3185</t>
  </si>
  <si>
    <t xml:space="preserve"> Samsung K-407 M MSI  for CLP 321/320/325/CLX-3185</t>
  </si>
  <si>
    <t xml:space="preserve"> Samsung K-407 Y MSI  for CLP 321/320/325/CLX-3185</t>
  </si>
  <si>
    <t xml:space="preserve"> Samsung ML-1210 EasyP 2,5k for ML-1010/1020/1210/1220/1250/1430/ RX Ph3110/3210/580/ 109R00639/Lexm E210 универсальный</t>
  </si>
  <si>
    <t xml:space="preserve"> Samsung ML-1450/6040/1440/6060 (ML-6060) MSI</t>
  </si>
  <si>
    <t xml:space="preserve"> Samsung ML-1610/2010 MSI for ML-1610/1615/2010/2015/2510/2570/2571/ SCX 4321/4521</t>
  </si>
  <si>
    <t xml:space="preserve"> Samsung ML-1630/SCX4500 Retech 2000 копий (euro chip) for 1631/SCX4500/4501</t>
  </si>
  <si>
    <t xml:space="preserve"> Samsung ML-1710 universal MSI  for  ML-1510/1520/1740/1750/SCX-4016/4100/4116/4216/SF560/565P/750/755P/ RX Ph 3116/3130/3120/3115/3121/WC PE16/PE114/ Miratec  F112/112P/  Lexmark  X215/ 113R00667/ DKT112/109R00748/18S0090/109R00725 универсальный</t>
  </si>
  <si>
    <t xml:space="preserve"> Samsung ML-2150 universal ML-2151N/2152W2550/2551N/2552W (2150D8) (8000pages) Retech</t>
  </si>
  <si>
    <t xml:space="preserve"> Samsung ML-2250 universal Retech ML-2250/2251N/2251NP/2252W/RX WC PE120/PE120i (013R00606)кроме моделей SCX-4520/4720/ Ph 3150</t>
  </si>
  <si>
    <t xml:space="preserve"> Samsung ML-3560/3561N/3561ND/3562 (ML3560D6) (6000pages) MSI/ Retech</t>
  </si>
  <si>
    <t xml:space="preserve"> Samsung ML-4500D3 for 4500 IZZI Lazer/IZZI Lazer plus  2500 листов</t>
  </si>
  <si>
    <t xml:space="preserve"> Samsung ML-4500D3 MCI for 4500 IZZI Lazer/IZZI Lazer plus  2500 листов</t>
  </si>
  <si>
    <t xml:space="preserve"> Samsung ML-4720/4520 universal Retech for ML-2250/2251N/2251NP/2252W/RX WC PE120/PE120i  Retech (for Europe)</t>
  </si>
  <si>
    <t xml:space="preserve"> Samsung ML-7300/7300N (7300DA) распродажа</t>
  </si>
  <si>
    <t xml:space="preserve"> Samsung MLT-D101S EuroP 1,5k for ML-2160/2162/2164/2165/2167/2168/ SCX-3400/3405/3407/ SF-760P</t>
  </si>
  <si>
    <t xml:space="preserve"> Samsung MLT-D104S3 EasyP 1,5k  for Ml-1660/1665/1666/1666/ 1667/1670/ 1860/1865/ SCX-3200/3201/3205/3217/3218/ 3207</t>
  </si>
  <si>
    <t xml:space="preserve"> Samsung MLT-D105L EasyP 2,5k for ML-1910/1915/2525/2580/SCX-4600/4606/4605/4610/4623/CF-650/650P</t>
  </si>
  <si>
    <t xml:space="preserve"> Samsung SCX-4200A EasyP 3k (SCX4200D3) for model SCX-4200/4220</t>
  </si>
  <si>
    <t xml:space="preserve"> Samsung SCX-4216D3 MSI for model SXC-4016/4116/4216F/SF560/SF565P/SF750/SF755</t>
  </si>
  <si>
    <t xml:space="preserve"> Samsung SCX-4300  (MLT-D109S) EasyP  for MLT-4310/4315</t>
  </si>
  <si>
    <t xml:space="preserve"> Samsung SCX-4824 (MLT-D209L/5k) EasyP for scx-4824FN/4828/4828FN/2855</t>
  </si>
  <si>
    <t xml:space="preserve"> Sharp  -drum for Sharp Z20/25  (ZT 20DR) распродажа</t>
  </si>
  <si>
    <t xml:space="preserve"> Sharp  -drum for Sharp Z30  (ZT 30DR) распродажа</t>
  </si>
  <si>
    <t xml:space="preserve"> Sharp  -toner for Sharp Z20/25  (ZT20TD1) black распродажа (for RX XC 351/355/5201/5203/5305) распродажа</t>
  </si>
  <si>
    <t xml:space="preserve"> Sharp  -toner for Sharp Z30  (ZT30DC1) for RX 520/580/5220 #006R00589 распродажа</t>
  </si>
  <si>
    <t xml:space="preserve"> 001R00081/001R00552  drum RX 2515/2520/2950/3001/3030/3050 (9km)</t>
  </si>
  <si>
    <t xml:space="preserve"> 006R00833 RX WC Pro610 toner cartridge (6000pages) распродажа</t>
  </si>
  <si>
    <t xml:space="preserve"> 006R00914 toner-cartrige for XD 100/102/103/120/155 (6k) распродажа</t>
  </si>
  <si>
    <t xml:space="preserve"> 006R90170 toner for RX 5009/5310/5309  4000k распродажа</t>
  </si>
  <si>
    <t xml:space="preserve"> 006R90224 toner for RX XC 351/355/5201/5203/5305  (ZT20TD1)   2K распродажа</t>
  </si>
  <si>
    <t xml:space="preserve"> 013R00013 copy-cartridge for RX 5328/5334/5018/5028/5034/5321/ распродажа</t>
  </si>
  <si>
    <t xml:space="preserve"> 013R00054 drum for RX 5316/5317/5017 распродажа</t>
  </si>
  <si>
    <t xml:space="preserve"> 013R00068 drum for RX5328/5334/5824/5826/5828/5830  80000k распродажа</t>
  </si>
  <si>
    <t xml:space="preserve"> 013R00532 drum for RX WC Pro610  (6000pages) распродажа</t>
  </si>
  <si>
    <t xml:space="preserve"> 013R00552/551 drum RX 102/120/155/100  18k</t>
  </si>
  <si>
    <t xml:space="preserve"> 013R00621 print-cartrige for WC Xerox PE220 (3K) Retech \ MSI</t>
  </si>
  <si>
    <t xml:space="preserve"> 013R90108 drum  for RX XC 351/355/5201/5203/5305 (ZT20DR)  10K распродажа</t>
  </si>
  <si>
    <t xml:space="preserve"> 106R00398 drum for Xerox 1202 распродажа</t>
  </si>
  <si>
    <t xml:space="preserve"> 106R00586  toner for WC 312/412/M15/ FC F12 6000k</t>
  </si>
  <si>
    <t xml:space="preserve"> 106R01161 toner-cartridge for Phaser 7760 magenta (25k)</t>
  </si>
  <si>
    <t xml:space="preserve"> 106R01379 EasyP (with chip 6k) for Ph 3100/3100MFP (заменяет 106R01378) print-cartrige</t>
  </si>
  <si>
    <t xml:space="preserve"> 106R01379 MSI (without chip)  print-cartrige for Ph 3100/ 3100MFP</t>
  </si>
  <si>
    <t xml:space="preserve"> 106R01487 EasyP for RX WC 3210/3220 (4K)</t>
  </si>
  <si>
    <t xml:space="preserve"> 106R01631 print-cartrige EuroP for Ph 6000/6010 Cyan  (1k)</t>
  </si>
  <si>
    <t xml:space="preserve"> 106R01632 print-cartrige EuroP for Ph 6000/6010 Magenta (1k)</t>
  </si>
  <si>
    <t xml:space="preserve"> 106R01633 print-cartrige EuroP for Ph 6000/6010 Yellow (1k)</t>
  </si>
  <si>
    <t xml:space="preserve"> 106R01634 print-cartrige EuroP for Xerox 6000/6010 black (2k)</t>
  </si>
  <si>
    <t xml:space="preserve"> 108R00675 Standard Capacity Maintenance Kit (10K pages) Phaser 8500/8550/8560 распродажа</t>
  </si>
  <si>
    <t xml:space="preserve"> 113R00005 drum for RX 4505/4510 10k</t>
  </si>
  <si>
    <t xml:space="preserve"> 113R00105 drum for XC520/580 12k распродажа</t>
  </si>
  <si>
    <t xml:space="preserve"> 113R00184 drum for N24/32/40/3225/4025  18k MSI</t>
  </si>
  <si>
    <t xml:space="preserve"> 113R00184 drum for N24/32/40/3225/4025  18k распродажа</t>
  </si>
  <si>
    <t xml:space="preserve"> 113R00276/113R00154/013R90130  drum DC420/220/230  16000к</t>
  </si>
  <si>
    <t xml:space="preserve"> 113R00276/113R00154/013R90130  drum DC420/220/230  16000к MSI</t>
  </si>
  <si>
    <t xml:space="preserve"> 113R00730 Retech  for Ph 3200MFP with chip print-cartridge</t>
  </si>
  <si>
    <t xml:space="preserve"> drum WC PE16/PE-16E 3,5k MSI (113R00667)</t>
  </si>
  <si>
    <t>Картридж ленточный</t>
  </si>
  <si>
    <t xml:space="preserve"> Brother EM 200/ce200/50/60/65/75/70/EM80/85/100/200/300/ Executron 50/65/70/HR15/25/35/40/compatronic 60/40/50/Comrex CR11/Dynax DX15/Priveleg 6000 распродажа</t>
  </si>
  <si>
    <t xml:space="preserve"> Citizen DP-600 для ККА  Электроника 92, Эра 101 Lomond L0204014</t>
  </si>
  <si>
    <t xml:space="preserve"> Citizen MD 910/911/ IR-91 Exen Purple (EPR0006)</t>
  </si>
  <si>
    <t xml:space="preserve"> Epson DFX 5000/8000/8500/LQ-8766  Exen  black  #2884FN  (EPR0007)</t>
  </si>
  <si>
    <t xml:space="preserve"> Epson DFX 5000/8000/8500/LQ-8766  Lomond #2884FN L0201002</t>
  </si>
  <si>
    <t xml:space="preserve"> Epson DFX 9000/9500 Lomond L0201081 (в кор.15шт)</t>
  </si>
  <si>
    <t xml:space="preserve"> Epson ERC-05 DATAC 150;EPSON 150/150 II/EC7000/ERC 05/M 150 II Exen EPR0070
NEC EF1249/N6919-21;
SHARP 40101/CE122/EA800R/EL7000/EL7001;
TANDY PC1/PC2/TRS80 POCKET CALCULATOR.</t>
  </si>
  <si>
    <t xml:space="preserve"> Epson ERC-09/ ERC-22/40 universal  purple Lomond for POS-terminal</t>
  </si>
  <si>
    <t xml:space="preserve"> Epson ERC-18 Lomond/ Profi L0204003 фиолетовые for Samsung ER 4615</t>
  </si>
  <si>
    <t xml:space="preserve"> Epson ERC-23 black  M250/M255/262/280/265/267/270/Sanyo ERC590/595/ Sharp3210/ Visa/Eurocard POS1  #2832FN</t>
  </si>
  <si>
    <t xml:space="preserve"> Epson ERC-27 purple Lomond L0204008  TM-U295/II, -U295, M-290 (260шт. В кор) replace C43S015366</t>
  </si>
  <si>
    <t xml:space="preserve"> Epson ERC-30/34/38 black Profi</t>
  </si>
  <si>
    <t xml:space="preserve"> Epson ERC-31 black Exen  (EPR0017)</t>
  </si>
  <si>
    <t xml:space="preserve"> Epson ERC-31 purple Exen  (EPR0018)</t>
  </si>
  <si>
    <t xml:space="preserve"> Epson ERC-31 purple Lomond L0204002</t>
  </si>
  <si>
    <t xml:space="preserve"> Epson FX1000/1050 Lomond for /1170/8755/LX1000 L0201003 (530*355*485)(70шт в кор)11,35кг</t>
  </si>
  <si>
    <t xml:space="preserve"> Epson FX2190 Lomond L0201077 (60шт.в кор)</t>
  </si>
  <si>
    <t xml:space="preserve"> Epson FX-890  Lomond ((#3117FN Carma) L0201076</t>
  </si>
  <si>
    <t xml:space="preserve"> Epson LQ-2070/2170/2180/2080/FX2170/2180 #s015086 пр-во  Lomond L0201005</t>
  </si>
  <si>
    <t xml:space="preserve"> Epson LQ-630 Lomond  black L0201074  (C13S015307BA)</t>
  </si>
  <si>
    <t xml:space="preserve"> Epson LQ670/850/860/870/2500/2550/EX800/1060 (s015016)</t>
  </si>
  <si>
    <t xml:space="preserve"> Epson LQ-690k\ LQ-675kt\ LQ-690kII Exen (for s015610BA)</t>
  </si>
  <si>
    <t xml:space="preserve"> Epson LX300/FX800 Lomond for 810/850/4400, FX80/86E/850/870,  MX80/85, RX70/80, Lq570/500/800/850/870/200/400/450/500/510/5/ ActionPrinter 2000/2500/3000/4000/5000/5000+/L-1000/T-1000/ERC 04/ERC 19/ Citizen MSP10/20 L0201004 (80шт. кор) (640*330*350)8,8к</t>
  </si>
  <si>
    <t xml:space="preserve"> Epson LX-350\ LQ-350 Lomond L0201087 (80шт в кор.)</t>
  </si>
  <si>
    <t xml:space="preserve"> Lexmark 2480/2380 Type1 Lomond for 2381/2390/ IBM 2380/2390/2400/ 2480/ 2300 с посадочным отверстием  L0201011 ( 11A3550)</t>
  </si>
  <si>
    <t xml:space="preserve"> Tally MT 230\240/ 250/ 330/ 340/ 350/ 360\ Computer Labs 400\ Nixdorf ND 38  #2797DN ( L0201078) без чипа</t>
  </si>
  <si>
    <t xml:space="preserve"> Tally MT 6215/6212/6218 GW (E40)</t>
  </si>
  <si>
    <t xml:space="preserve"> Tally MT 691/660/661/600/6000/645/645/690/CX/695/T-6082/6092/6045/6090/614x/6050/6100/ NCR 6458/TANEUM COMP PROD TCP 1000 #2248FN</t>
  </si>
  <si>
    <t xml:space="preserve"> Tally MT 83/84/ Fujitsu DL700/900/1100/1150/1200/1250  #2500RD</t>
  </si>
  <si>
    <t xml:space="preserve"> Printronix P7220/ P6212\7000\7005 (на катушках) for OKI MX 1050/1100/1150</t>
  </si>
  <si>
    <t xml:space="preserve"> Siemens ND 77 black Exen (Siemens Nixdorf) ПРИМ-07Ф КZ</t>
  </si>
  <si>
    <t xml:space="preserve"> Siemens ND 77 purple Lomond (Siemens Nixdorf) L0204066 ПРИМ-07Ф КZ (80шт.в кор) 24*13*3см</t>
  </si>
  <si>
    <t xml:space="preserve"> SPF 136/Legend 1385 распродажа</t>
  </si>
  <si>
    <t xml:space="preserve"> UKN  bl/red  mod.1084 Lomond  L0204016 для печат.калькуляторовCitizen 350DP/355DP/440/Casio DR320tec  (GR 24/  GR 54N/ GR-51/ RB-02)</t>
  </si>
  <si>
    <t xml:space="preserve"> Wang 5204 #2575FN распродажа</t>
  </si>
  <si>
    <t xml:space="preserve"> ролик красящий  IR-40P  (0032-9775) для касс.аппарата распродажа</t>
  </si>
  <si>
    <t xml:space="preserve"> ролик красящий фиолетовый IR-40 (WW group 9853IR) для касс. Апп-та Ока 100ф распродажа</t>
  </si>
  <si>
    <t xml:space="preserve"> ролик красящий Черно-красный  IR-40T  black/red  Lomond/ Exen for Citizen CX-123/121/126/130/131/140/90/75N/78, Canon M, Aurora PR-170 L0204029 (200шт.в кор)</t>
  </si>
  <si>
    <t xml:space="preserve"> OKI ML 6300FB /ML760/ML6100/ML7100/ML 7150 black 4млн. OKI 4350/3602 GoodWill</t>
  </si>
  <si>
    <t xml:space="preserve"> OKI ML1120/1190/1190С/1190СS for OKi-4357/ 1803 Lomond L0201083</t>
  </si>
  <si>
    <t xml:space="preserve"> OKI ML182 lomond for 172/180/182/183/184/190/192/194/320/381/3320 L0201012 (312шт в кор)</t>
  </si>
  <si>
    <t xml:space="preserve"> Olivetti ET 2000/2200/2450/2250/2300/2400/2500/ ETV2700/2800/2900 распродажа</t>
  </si>
  <si>
    <t xml:space="preserve"> Olivetti PR2 Exen(6.35х12м) black (160штук в 1кор)(54*42*69)20кг for Nantian K10</t>
  </si>
  <si>
    <t xml:space="preserve"> Olivetti PR4/ 4600 black Profi</t>
  </si>
  <si>
    <t xml:space="preserve"> Olivetti PR4/ 4600 purp Craden DP8 Lomond L0201069 (640*330*350) (70шт в кор) 7кг</t>
  </si>
  <si>
    <t xml:space="preserve"> Olivetti PR50 Exen (6,35*2,5m) black</t>
  </si>
  <si>
    <t xml:space="preserve"> Panasonic KX-P 1180/1190/1124/1090/115/1592/1080/1191/110/1150/1030/1595  #2904RD black Exen  (EPR0041)</t>
  </si>
  <si>
    <t xml:space="preserve"> Star Micronics NX1000/1001, LC10/Lx10 Lomond распродажа</t>
  </si>
  <si>
    <t xml:space="preserve"> Star NX1500/LC7211 Exen for 2400/2415/LC15/2410/2415/2420/2430/2480/ZA-200/ZA-250/XR1520/LC6211/LC7211/LC8211/LC8521/ 3200/3400 (12,7мм*8м) (54*42*69) 250штук в кор.,24кг</t>
  </si>
  <si>
    <t xml:space="preserve"> Star SP 200/2000/298/500/ RC 200BR Lomond L0204068 для касс.аппарата Purple (140шт в кор)</t>
  </si>
  <si>
    <t xml:space="preserve"> Star SP 300 for Samsung ER250RF/350/ Siemens ND9A Exen black EPR0066</t>
  </si>
  <si>
    <t>Лента для матричного принтера (бобина)</t>
  </si>
  <si>
    <t xml:space="preserve">  6,35мм за 1 метр   STD purple Lomond (бобина 840м)</t>
  </si>
  <si>
    <t>Лента для матричного принтера (кольцо)</t>
  </si>
  <si>
    <t xml:space="preserve">  6,35* 3,5m  Black  HD Exen no mobius</t>
  </si>
  <si>
    <t xml:space="preserve">  6,35*14m black HD Exen no mobius L0206279</t>
  </si>
  <si>
    <t xml:space="preserve">  6,35*15m black HD right mobius правый поворот</t>
  </si>
  <si>
    <t xml:space="preserve">  8mm* 9m black HD no mebius (кольцо)</t>
  </si>
  <si>
    <t xml:space="preserve">  8mm*19m black STD  in pack (кольцо)</t>
  </si>
  <si>
    <t xml:space="preserve"> 12,7mm* 4,8m STD black in pack (левый переворот) for Star 1500/ LC7211</t>
  </si>
  <si>
    <t xml:space="preserve"> 12,7mm* 4,8m STD purple in pack (правый переворот) right mebius</t>
  </si>
  <si>
    <t xml:space="preserve"> 12,7mm*20m HD black Exen (EPR1006) no mobius</t>
  </si>
  <si>
    <t xml:space="preserve">  6,35mm* 3,5m black STD Lomond кольцо L0206263 / L0206004</t>
  </si>
  <si>
    <t xml:space="preserve">  6,35mm*15m black STD Lomond левый мебиус L0206156 П011162  (П011279) (П011234 для HD) (300шт.в кор) left mobius for PR-2</t>
  </si>
  <si>
    <t xml:space="preserve">  8mm*2m black HD L0206297 (кольцо)</t>
  </si>
  <si>
    <t xml:space="preserve">  8mm*7m black STD Lomond</t>
  </si>
  <si>
    <t xml:space="preserve"> 12,7mm* 0,75m black STD  Lomond (кольцо)</t>
  </si>
  <si>
    <t xml:space="preserve"> 12,7mm* 3,5m black HD  Lomond кольцо L0206163</t>
  </si>
  <si>
    <t xml:space="preserve"> 12,7mm* 7m black STD  Lomond кольцо L0206023</t>
  </si>
  <si>
    <t xml:space="preserve"> 12,7mm*12m black STD Lomond   L0206026</t>
  </si>
  <si>
    <t xml:space="preserve"> 12,7mm*16m black STD Lomond   L0206027 (300штук в кор)</t>
  </si>
  <si>
    <t xml:space="preserve"> 12,7mm*20m black STD (right mebius) c переворотом for Epson DFX 8000 Lomond  (прав.мебиус) L0206160</t>
  </si>
  <si>
    <t xml:space="preserve"> 12,7mm*50m black STD Lomond</t>
  </si>
  <si>
    <t xml:space="preserve"> 25,4mm*20m black  STD Lomond</t>
  </si>
  <si>
    <t>Чистящие средства</t>
  </si>
  <si>
    <t xml:space="preserve"> 6022805 Shipping Liquid CR02 50 ml (жидкость для промывки головок от чернил ) (CR02/ A69/ 6022493/ 6104713/ 6022805) прозрачная</t>
  </si>
  <si>
    <t xml:space="preserve"> Disc clean (спрей для чистки CD и DVD) 250 мл Favorit/ProfilLine F100360/PLDC-200</t>
  </si>
  <si>
    <t xml:space="preserve"> Effect clean tube/Perfect Clean (салфетки для экранов LCD и оптики влажные и сухие 50+50) Favorit/ProfilLine F300220 (12шт.в кор)</t>
  </si>
  <si>
    <t xml:space="preserve"> LCD/TFT Clean tube (салф.для экранов LCD и оптики влажные 100шт) Favorit/ProfilLine F300230/"Crystal Clean" (12шт.в кор)</t>
  </si>
  <si>
    <t xml:space="preserve"> Magic clean/General clean (спрей универсальный) 250 мл Favorit #PLGC F100330 (24шт.в кор)</t>
  </si>
  <si>
    <t xml:space="preserve"> Multi clean (спрей для бытовой техники) 200 мл Favorit/ProfilLine PLMTC200 (24шт.в кор)</t>
  </si>
  <si>
    <t xml:space="preserve"> Notebook clean (спрей для чистки ноутбуков) 250 мл Favorit/ProfilLine F100340/PLNC-250 (24шт.в кор)</t>
  </si>
  <si>
    <t xml:space="preserve"> Power clean (доп.салфетки для поверхностей влажные) 100 штук Favorit/ProfilLine PLTPC100bl (24шт.в кор)</t>
  </si>
  <si>
    <t xml:space="preserve"> Power clean tube (салфетки для поверхности влажные) 100 штук Favorit/ProfilLine F300210/ PLTPC100 (24шт.в кор)</t>
  </si>
  <si>
    <t xml:space="preserve"> Profi clean (спрей для чистки LCD, КПК, мобильников) 250 мл Favorit/ProfilLine F100380/PCLCD (24шт.в кор)</t>
  </si>
  <si>
    <t xml:space="preserve"> Screen clean (спрей для чистки экранов и стекла) 250 мл Favorit/ProfilLine  F100310/PLSC (24шт.в кор)</t>
  </si>
  <si>
    <t xml:space="preserve"> Screen clean box (доп.салфетки для экранов и оптики влажные) 100 штук Favorit/ProfilLine  PLTSC100bl (24шт.в кор)</t>
  </si>
  <si>
    <t xml:space="preserve"> Screen clean tube (салфетки для экранов и оптики влажные)  100 штук Favorit/ProfilLine  F300200/PLTSC100 (12шт.в кор)</t>
  </si>
  <si>
    <t xml:space="preserve"> Super clean/Plastik clean (спрей для чистки пластика) 250 мл Favorit/ProfilLine F100300/PPC200 (24шт.в кор)</t>
  </si>
  <si>
    <t xml:space="preserve"> Isoclene (100ml) изопропанол пр-во Россия</t>
  </si>
  <si>
    <t xml:space="preserve"> Силикон.смазка 100ml  (fuser oil) Katun Type SS (A2579550/ A2579100) for Ricoh</t>
  </si>
  <si>
    <t xml:space="preserve"> Силикон.смазка 1L  (fuser oil) Katun Type SS (A2579550/ A2579100) for Ricoh</t>
  </si>
  <si>
    <t xml:space="preserve">  Белизна "Бархат" 1000гр (дезинфицирующее ср-во)</t>
  </si>
  <si>
    <t xml:space="preserve">  жидкое мыло Naturelle5л (белое, розовое)</t>
  </si>
  <si>
    <t xml:space="preserve">  жидкость для пола "Выгодная уборка" 1000мл</t>
  </si>
  <si>
    <t xml:space="preserve">  жидкость для посуды Золушка (Яблоко\Лимон) 500мл</t>
  </si>
  <si>
    <t xml:space="preserve">  мочалки жесткие для чистки инструмента(черные)</t>
  </si>
  <si>
    <t xml:space="preserve">  перчатки для уборки резиновые рубчатые</t>
  </si>
  <si>
    <t xml:space="preserve">  порошок "пемолюкс лимон" 450гр</t>
  </si>
  <si>
    <t xml:space="preserve">  порошок Sorti "морская свежесть" 400g для ванн, раковин, кухонных плит, а так же фаянсовых, эмалированных и керамических поверхностей.  Упаковка – металлическая банка.   Масса  нетто;  400 г для ванн, раковин, кухонных плит, фаянстовых, эмал.поверх</t>
  </si>
  <si>
    <t xml:space="preserve">  салфетки бумажные "Нега" 90шт. (24*24см)</t>
  </si>
  <si>
    <t xml:space="preserve">  салфетки бумажные Servis 200шт</t>
  </si>
  <si>
    <t xml:space="preserve"> чистящ.жидк 100ml  универс.для картр.и головок for dye &amp; pigment (для водн.и пигм.чернил) (Lomond) Cleaning solution L0205667</t>
  </si>
  <si>
    <t xml:space="preserve"> чистящ.жидк 1L универс.для картр.и головок for dye &amp; pigment (для водн.и пигм.чернил)  Cleaning solution AlphaChem</t>
  </si>
  <si>
    <t xml:space="preserve"> чистящ.жидк 1L универс.для картр.и головок for dye &amp; pigment (для водн.и пигм.чернил) (Lomond) Cleaning solution L0205743</t>
  </si>
  <si>
    <t xml:space="preserve"> чистящ.жидк 25ml универс.для картр.и головок for dye &amp; pigment (для водн.и пигм.чернил) (AlphaChem/ProfilLine) Cleaning solution</t>
  </si>
  <si>
    <t xml:space="preserve"> чистящ.жидк 50ml универс.для картр.и головок for dye &amp; pigment (для водн.и пигм.чернил) (AlphaChem/ProfilLine) Cleaning solution</t>
  </si>
  <si>
    <t>Тонер</t>
  </si>
  <si>
    <t xml:space="preserve"> Brother  TN-200 in tube TONER FOR  HL 720/730/760  FAX8000p/9000/4550j  (3,000 PAGES) распродажа</t>
  </si>
  <si>
    <t xml:space="preserve"> Brother  TN-6600 in tube Retech  FOR DCP-1200/1400 / FAX-4750/5750/8350P/8360P/8750P /HL-1030/1230/1240/1250/1270N/1430/1435/1440/1450/1470N/P2500/ 7050/ IntelliFAX-4100/4750/5750 /MFC-8300/8500/8600/8700/9600MFP/9650 (6000 pages) toner hopper</t>
  </si>
  <si>
    <t xml:space="preserve"> Brother TN-8000/TN-200/TN-250/TN-300/TN-5000/TN-8050 universal tube for FAX-8070P/ 2850 MFC-4800/ 9030/ 9070/ 9160/ 9180 (2200 копий) Retech</t>
  </si>
  <si>
    <t xml:space="preserve"> Canon C-EXV33 tube for IR 2520/2525/2530 Integral 14600к</t>
  </si>
  <si>
    <t xml:space="preserve"> Canon NPG-09 tube 6016/6521/6218/6621  380g   Integral распродажа</t>
  </si>
  <si>
    <t xml:space="preserve"> Canon NPG-11  tube 6012/6012F/6112/6212/6412/6412F/6512/ C-120F/122  280g F42-1201-700 Canon</t>
  </si>
  <si>
    <t xml:space="preserve"> Canon NPG-15 (C-EXV6) G-15 tube 380гр H-Black for NP 7161/7160/4161/7163/7164/7210/7214</t>
  </si>
  <si>
    <t xml:space="preserve"> Canon NPG-18/ GPR-6/ C-EXV3 for IR2200/2800/330/ 3300/ 2220/ 3320i/  795gr</t>
  </si>
  <si>
    <t xml:space="preserve"> Canon NPG-20 tube (GPR-8)/(C-EXV5) for IR 1600/1605/1610/2000/2010/2005 440g</t>
  </si>
  <si>
    <t xml:space="preserve"> Canon NPG-20 tube (GPR-8)/(C-EXV5) Katun for IR 1600/1605/1610/2000/2010/2005 440g Katun</t>
  </si>
  <si>
    <t xml:space="preserve"> Canon NPG-25/ NPG-26/GPR-16 (C-EXV12) l for IR 3035 | 3035N | 3045 | 3045N | 3235 | 3235i | 3235N | 3245 | 3245i | 3245N | 3530 | 3570 | 4570 | 4570F  (9634A003AA)</t>
  </si>
  <si>
    <t xml:space="preserve"> Canon NPG-27/GPR-17(C-EXV13) for  Canon IR-5570/657/7570  2000K (0279B002 AA)</t>
  </si>
  <si>
    <t xml:space="preserve"> Canon NPG-32 (C-EXV18) (G-32)(GPR-22)  370g OEM for  iR1018/1019/1020/1022/1023/1024</t>
  </si>
  <si>
    <t xml:space="preserve"> C-EXV14 bottle 460g Canon univers.NPG-28/NPG-20 (GPR-18/GPR-8) (C-EXV5) 8300к for IR 2016/2018/2020/2022/2025/2030/2318/  IR 1600/1605/1610/2000/2010/2005</t>
  </si>
  <si>
    <t xml:space="preserve"> C-EXV14 tube 460g Profi\Unitone for Canon NPG-28(GPR-18)(C-EXV14) for IR 2016//2018/2020/2022/2025/2030/2318</t>
  </si>
  <si>
    <t xml:space="preserve"> C-EXV14 tube Canon univers.NPG-28/NPG-20 (GPR-18/GPR-8) (C-EXV5) 8300к for IR 2016/2018/2020/2022/2025/2030/2318/  IR 1600/1605/1610/2000/2010/2005 Profi</t>
  </si>
  <si>
    <t xml:space="preserve"> HP 1010  110g bot "OK" type2.2 for HP FX-10/ 703/4L/4V/5L/5P/1100/1200/1300/2015/2100/2300/2410/3015/3020/3030/4000/4100/1150</t>
  </si>
  <si>
    <t xml:space="preserve"> HP 1010  140g bot OEM for 1160/1100/5L for HP 2015/1320/1200 Canon LBP 800/EP 27/LBP-3260/ 4L/5P/4V/2P/2D/4+/5si/FX-3</t>
  </si>
  <si>
    <t xml:space="preserve"> HP 1100  (HW) 100g for HP 1100/5L</t>
  </si>
  <si>
    <t xml:space="preserve"> HP 278/ 285/435/436 "OK"   80g for 1505/1505 TYPE 4.1</t>
  </si>
  <si>
    <t xml:space="preserve"> HP 278/ 285/435/436 "OK" 1000g for 1505/1505 TYPE 4.2</t>
  </si>
  <si>
    <t xml:space="preserve"> HP 278/ 285/435/436 Bulat   65g for 1505/1522/1120/1005 (cb436/435) TYPE HB10.5</t>
  </si>
  <si>
    <t xml:space="preserve"> HP 278/ 285/435/436 Bulat  100g (кор.20шт) мин=1коробка for 1505/1522/1120/1005 (cb436/435) TYPE HB10.5 для ориг.картриджей</t>
  </si>
  <si>
    <t xml:space="preserve"> HP 278/ 285/435/436 Bulat  100g for 1505/1522/1120/1005 for 1505/1505  TYPE HB10.5</t>
  </si>
  <si>
    <t xml:space="preserve"> HP color  Bl 55g Hp LJ №17(217A) \pro 200 Color M251 Canon  LBP7100C 45гр Cyan TONEX</t>
  </si>
  <si>
    <t xml:space="preserve"> HP color  C 45g Hp LJ pro 200 Color M251 Canon  LBP7100C 45гр Cyan TONEX</t>
  </si>
  <si>
    <t xml:space="preserve"> HP color  M 45g Hp LJ pro 200 Color M251 Canon  LBP7100C 45гр Cyan TONEX</t>
  </si>
  <si>
    <t xml:space="preserve"> HP color  Y 45g Hp LJ pro 200 Color M251 Canon  LBP7100C 45гр Cyan TONEX</t>
  </si>
  <si>
    <t xml:space="preserve"> HP color 2500/1500/2550 M bottle 120g (24181) Chemical</t>
  </si>
  <si>
    <t xml:space="preserve"> HP color 2600/1600/2605/2025 C  80g Tonex Chemical</t>
  </si>
  <si>
    <t xml:space="preserve"> HP color 2600/1600/2605/2025 M  80g Tonex Chemical</t>
  </si>
  <si>
    <t xml:space="preserve"> HP color 2600/1600/2605/2025 Y  80g Tonex Chemical</t>
  </si>
  <si>
    <t xml:space="preserve"> HP color 3500/3700/3550 black 215g NonChemical HiColor</t>
  </si>
  <si>
    <t xml:space="preserve"> HP color 3500/3700/3550 yellow 130g HND Chemical</t>
  </si>
  <si>
    <t xml:space="preserve"> HP color 3800/3600 Bl 120g HND Chemical (q6460)(20237)</t>
  </si>
  <si>
    <t xml:space="preserve"> HP color 3800/3600 M 135g Lomond-Delacamp Chemical (q7582)(20239)</t>
  </si>
  <si>
    <t xml:space="preserve"> HP color 5500/5550 C Chemical 340g HND</t>
  </si>
  <si>
    <t xml:space="preserve"> HP color 5500/5550 M Chemical 340g HND</t>
  </si>
  <si>
    <t xml:space="preserve"> HP color 5500/5550 Y Chemical 340g  HND</t>
  </si>
  <si>
    <t xml:space="preserve"> HP color 60g universal M Delakamp #20475 for CLJ 2600/ PRO 200 MFP M276nw/ CP1215  and other</t>
  </si>
  <si>
    <t xml:space="preserve"> HP color 60g universal Y Delakamp #20476 for CLJ 2600/ PRO 200 MFP M276nw/ CP1215  and other</t>
  </si>
  <si>
    <t xml:space="preserve"> HP color 80g universal Y Delakamp #20476 for CLJ 2600/ PRO 200 MFP M276nw/ CP1215  and other</t>
  </si>
  <si>
    <t xml:space="preserve"> HP color 8500 C Chemical 350g Mitsubishi/Delacamp</t>
  </si>
  <si>
    <t xml:space="preserve"> HP color 8500 M Chemical 350g Mitsubishi/Delacamp</t>
  </si>
  <si>
    <t xml:space="preserve"> HP color 8500 Y Chemical 350g Mitsubishi/Delacamp</t>
  </si>
  <si>
    <t xml:space="preserve"> HP color CP 1215/1515/1518/CM 1312 C 40g</t>
  </si>
  <si>
    <t xml:space="preserve"> HP color CP 1215/1515/1518/CM 1312 Y 40g</t>
  </si>
  <si>
    <t xml:space="preserve"> HP тонер универсальный</t>
  </si>
  <si>
    <t xml:space="preserve"> Konica Minolta TN-114 (413g) ASC for Bizhub 162/210/163/211/ 1611/2011/B162//B210/B7516 (KM114A toner cartridge)</t>
  </si>
  <si>
    <t xml:space="preserve"> Konica 7115/7118/7216/7220 TNK101K Toner 413g</t>
  </si>
  <si>
    <t xml:space="preserve"> Mita KM-1525/1530/2030/2070 black for Kyosera-Mita KM-2030 Ресурс - 11000 стр.A4</t>
  </si>
  <si>
    <t xml:space="preserve"> TK-110 bottle Hnd 290g univers TK-120/130/140/310/320/410 for printer  FS 720/820/920/1016/1116/1030/1100/1300/1350 HND</t>
  </si>
  <si>
    <t xml:space="preserve"> TK-110 toner kit ( tube) Retech 280g for FS-720/820/920/1016MFP/1116MFP</t>
  </si>
  <si>
    <t xml:space="preserve"> TK-120  toner kit ( tube) Retech 280g (7200 pages (A4,5%)) for FS-1030D/ DN</t>
  </si>
  <si>
    <t xml:space="preserve"> TK-130/ 132/ 134 toner kit ( tube) Exen 280g (7,200 pages (A4, 5%)) for FS- 1300/ 1028MFP/ 1128MFP</t>
  </si>
  <si>
    <t xml:space="preserve"> TK-130/TK-140 AQC bottle 280g for FS-1300D/ 1100</t>
  </si>
  <si>
    <t xml:space="preserve"> TK-140 toner kit ( tube) Retech 200g FS-1100</t>
  </si>
  <si>
    <t xml:space="preserve"> TK-160 for FS-1120 MSI</t>
  </si>
  <si>
    <t xml:space="preserve"> TK-17 toner kit ( tube) Retech FS-1000/1010/1050 240g</t>
  </si>
  <si>
    <t xml:space="preserve"> TK-18 toner kit ( tube) Retech for FS1118/1020/1020D 280g</t>
  </si>
  <si>
    <t xml:space="preserve"> TK-310  toner kit ( tube) Retech 370g for FS-2000D/FS-2000DN/FS-3900DN/ DTN/ FS-4000DN</t>
  </si>
  <si>
    <t xml:space="preserve"> TK-3130 bottle 500g for FS-4300/ -4100/ -4200</t>
  </si>
  <si>
    <t xml:space="preserve"> TK-3130 пакет 200g  for FS-4300/ -4100/ -4200</t>
  </si>
  <si>
    <t xml:space="preserve"> TK-320 toner kit ( tube) Retech 290g for FS-3900DN/4000DN</t>
  </si>
  <si>
    <t xml:space="preserve"> TK-410 toner kit (tube) Profi 870g  15000pages (A4, 5%) for KM1620/ 1635/ 1650/ 2020/ 2050/ 2035 (TK-411=480g)</t>
  </si>
  <si>
    <t xml:space="preserve"> TK-520K toner kit ( tube) Black for FS-C5015N</t>
  </si>
  <si>
    <t xml:space="preserve"> TK-820K toner kit ( tube) Black for FS-C8100DN (7K)</t>
  </si>
  <si>
    <t xml:space="preserve"> TK-820M toner kit ( tube) Magenta for FS-C8100DN (7K)</t>
  </si>
  <si>
    <t xml:space="preserve"> Minolta  EP 410/3170/4210/4257 распродажа</t>
  </si>
  <si>
    <t xml:space="preserve"> Minolta  EP470z/ 4230/4232/4250  240g  распродажа</t>
  </si>
  <si>
    <t xml:space="preserve"> Minolta EP-30 45g распродажа</t>
  </si>
  <si>
    <t xml:space="preserve"> Okipage 4W/OKIFAX 4100/OF 806/BOSH FAX 364, tube 35 гр.  NV-Print распродажа</t>
  </si>
  <si>
    <t xml:space="preserve"> Panafax UF-744/788fax 320гр.  AQC распродажа</t>
  </si>
  <si>
    <t xml:space="preserve"> Panasonic  KX-P 455 (KX-A 144) tube  for 4400/4401/4403/5000/5400 KX-F 3000/2900/3100/511  1600k ориг 85г</t>
  </si>
  <si>
    <t xml:space="preserve"> Panasonic  KX-P 6100/6150/6300/6500  bottle 150g распродажа</t>
  </si>
  <si>
    <t xml:space="preserve"> Panasonic KX-FA76A for KX-FL 501/502/503/521/523/553/FL-B 750/751  2000k</t>
  </si>
  <si>
    <t xml:space="preserve"> Panasonic KX-FA83E EasyP 90g  tube for KX-FL 513/543/653/663 2500k</t>
  </si>
  <si>
    <t xml:space="preserve"> Panasonic KX-FA83E/ FA76E ASC 90g bottle  for KX-FL 513/543/653/663 2500k</t>
  </si>
  <si>
    <t xml:space="preserve"> Panasonic KX-FA85A for KX-FLB 851/852/853/801/802/803/811/812/813/883 2500k (drum kx-fa860</t>
  </si>
  <si>
    <t xml:space="preserve"> Panasonic KX-FA85A MSI for KX-FLB 851/852/853/801/802/803/811/812/813 2500k</t>
  </si>
  <si>
    <t xml:space="preserve"> Panasonic KX-FA88A EuroP for KX-FL401/402/403/FLC411/412/413/423</t>
  </si>
  <si>
    <t xml:space="preserve"> Panasonic KX-FAT400A7 for KX-MB1500/1520 (1500K)</t>
  </si>
  <si>
    <t xml:space="preserve"> Panasonic KX-FAT411A AQC bottle 60g  for KX-МВ2000/2010/2020/2025/2030/1900</t>
  </si>
  <si>
    <t xml:space="preserve"> Panasonic KX-FAT411A Profi  tube for KX-МВ2000/2010/2020/2025/2030/1900</t>
  </si>
  <si>
    <t xml:space="preserve"> Panasonic KX-FAT92A ASC for KX-МВ263/763/773 (2000K)</t>
  </si>
  <si>
    <t xml:space="preserve"> Panasonic UG-3221 for UF-490/4000/4100  6k распродажа</t>
  </si>
  <si>
    <t xml:space="preserve"> bottle 150g (2500k) for Pantum P2000/2050/M5000/5005/6000/6005</t>
  </si>
  <si>
    <t xml:space="preserve"> Ricoh  typ SP101E bottle 100g  OEM Aficio SP 100 / SP 100SU / SP 100SF</t>
  </si>
  <si>
    <t xml:space="preserve"> Ricoh Aficio 1515/Nashuatec DSM 415 ASC туба 230 гр for MP 161/ 1170D/1270D/ 171/ 1515 types 1170D/1270D digital toner</t>
  </si>
  <si>
    <t xml:space="preserve"> Ricoh M5 bottle 105g  /M50/M3/Nashuatec 2208/infotec9208 AQC распродажа</t>
  </si>
  <si>
    <t xml:space="preserve"> Ricoh M5 tube 105g /M50/M3/Nashuatec 2208/infotec9208 распродажа</t>
  </si>
  <si>
    <t xml:space="preserve"> Ricoh Type 70 toner for Ricoh факс 1700L / 1750MP / MB 9415 распродажа</t>
  </si>
  <si>
    <t xml:space="preserve"> Samsung 1210/1710  85g bot Super for ML 1010/1020m/1220m/1250/1430/4216</t>
  </si>
  <si>
    <t xml:space="preserve"> Samsung 1210/4500  80g Bulat SB032706.1 NB-006 for ML2160/2165/SCX 3400/ 3405</t>
  </si>
  <si>
    <t xml:space="preserve"> Samsung 1210/4500 700g Bulat SB06.1 NB-006 for ML2160/2165/SCX 3400/ 3405</t>
  </si>
  <si>
    <t xml:space="preserve"> Samsung 1210/4500 700g Euro Universal</t>
  </si>
  <si>
    <t xml:space="preserve"> Samsung CLP-310/315 C IPM 45g for CLP 300/350/ SLX 2160/3160</t>
  </si>
  <si>
    <t xml:space="preserve"> Samsung CLP-310/315 M IPM 45g for CLP 300/350/ SLX 2160/3160</t>
  </si>
  <si>
    <t xml:space="preserve"> Samsung CLP-310/315 Y IPM 45g for CLP 300/350/ SLX 2160/3160</t>
  </si>
  <si>
    <t xml:space="preserve"> Sharp AR-168T for AR-122E/122EN/123E/M150151/152/ 152E/152EN/F152/153E/153EN/ M155/ M155X/ 156/ 157E/ 157EN/ 168D/ 168S</t>
  </si>
  <si>
    <t xml:space="preserve"> Sharp AR-203 ASC tube 500g for AR-163/201/1818/1820</t>
  </si>
  <si>
    <t xml:space="preserve"> Sharp Z30/Z50/810 RX 5220/xc822/1045/855/830/1033/1245  bottle 125g   Lomond L0200016 (compatible 600k62830T)</t>
  </si>
  <si>
    <t xml:space="preserve"> Toshiba 1210/2810  tube 145g  Toshiba распродажа</t>
  </si>
  <si>
    <t xml:space="preserve"> Toshiba 1550 tube 240g  XF  (with 4 prong gear EURO)</t>
  </si>
  <si>
    <t xml:space="preserve"> Toshiba ES163 (T1640C/D/E)bottle 675g AQC for 163/165/203/205/206/207/166/167/237</t>
  </si>
  <si>
    <t xml:space="preserve"> Toshiba T-1350/1340  tube euro 180g  Tonex  (with 2 prong gear) for BD1340/1350/1360/1370/ Lanier 6613/6713/7213/7313 (4300k)</t>
  </si>
  <si>
    <t xml:space="preserve"> 006R00365 red dry ink for RX5343 распродажа</t>
  </si>
  <si>
    <t xml:space="preserve"> 006R01020 for RX 5915/5921 tube  6k (450g) for 5918</t>
  </si>
  <si>
    <t xml:space="preserve"> 006R01020 OEM tube RX 5915/5918/5921 450g  tube</t>
  </si>
  <si>
    <t xml:space="preserve"> 006R01044/106R00280 for RX WC 415/ Pro 315/320/420 6k (за 1 шт)</t>
  </si>
  <si>
    <t xml:space="preserve"> 006R01046 bottle 120g for RX WC PRO 232/238/245/255/35/45/55/DC 535/545/555/ WC5030/5050/5632/5638</t>
  </si>
  <si>
    <t xml:space="preserve"> 006R01046 for RX WC PRO 232/238/245/255/35/45/55/DC 535/545/555  на 28тыс листов</t>
  </si>
  <si>
    <t xml:space="preserve"> 006R01046 tube MSI for RX WC PRO 232/238/245/255/35/45/55/DC 535/545/555  на 14тыс листов</t>
  </si>
  <si>
    <t xml:space="preserve"> 006R90127 toner for RX 5018/5028/5034/5321/5328/5334/5824/5826/5828/5830  12000k</t>
  </si>
  <si>
    <t xml:space="preserve"> 006R90161 for RX 5012/5014 распродажа</t>
  </si>
  <si>
    <t xml:space="preserve"> 006R90183 Тонер красный (RED) XEROX 5340/5343/5350/5352/5437/5665 распродажа</t>
  </si>
  <si>
    <t xml:space="preserve"> 006R90203 toner for 5340/5343/5350/5352/5837/5845/ 5855/5865, 24500 стр. распродажа</t>
  </si>
  <si>
    <t xml:space="preserve"> 106R01277 RX WC 5020 toner (2*6,3k)/5016/</t>
  </si>
  <si>
    <t xml:space="preserve"> 600K62830T RX XC822/1045/855/830/1033/1245 toner распродажа</t>
  </si>
  <si>
    <t xml:space="preserve"> RX 4517/N17/IBM 4317 440g bottle распродажа</t>
  </si>
  <si>
    <t xml:space="preserve"> RX 5340/5343/5350/5345/5352/5437/5441/5451/5665/5832/5845/5855 350g распродажа</t>
  </si>
  <si>
    <t xml:space="preserve"> RX 5340/5343/5350/5345/5352/5437/5441/5451/5665/5832/5845/5855 700g bottle распродажа</t>
  </si>
  <si>
    <t xml:space="preserve"> RX 5340/5343/5350/5345/5352/5437/5441/5451/5665/5832/5845/5855 700g tube распродажа</t>
  </si>
  <si>
    <t xml:space="preserve"> RX WC 415/Pro 315/320/420 фл/260г ATM</t>
  </si>
  <si>
    <t>Картридж Ink</t>
  </si>
  <si>
    <t xml:space="preserve"> BC-03 Exen for Canon BJC-210SP/255SP/265SP/1000SP  black</t>
  </si>
  <si>
    <t xml:space="preserve"> BCI-10 for Canon BJ-30/BJC-50/70/80/  StarWriter 300/4000  black за 1 шт</t>
  </si>
  <si>
    <t xml:space="preserve"> BCI-10 JT for Canon BJ-30/BJC-50/70/80/  StarWriter 300/4000  black за 1 шт  распродажа</t>
  </si>
  <si>
    <t xml:space="preserve"> BCI-11 black for Canon BJ-50/70/8070/ NoteJet IIcx за 1 шт</t>
  </si>
  <si>
    <t xml:space="preserve"> BCI-11 color for Canon BJ-50/70/8070/ NoteJet IIcx  за 1 шт</t>
  </si>
  <si>
    <t xml:space="preserve"> BCI-21 black  for Canon BJC-2000/ 2100/4000/4100/4200/4550/4650/5500  распродажа</t>
  </si>
  <si>
    <t xml:space="preserve"> BCI-21 black Lomond for Canon BJC-2000/ 2100/4000/4100/4200/4550 ( L0202920)</t>
  </si>
  <si>
    <t xml:space="preserve"> BCI-21 color Lomond for Canon BJC-2000/ 2100/4000/4100/4200/4550/MultiPass C2500 (L0202918)</t>
  </si>
  <si>
    <t xml:space="preserve"> BCI-24bk Black for Canon S300/S200 (twin pack - за два картриджа в упаковке)</t>
  </si>
  <si>
    <t xml:space="preserve"> BCI-24bk/BCI-21 Profi 9,5ml  for Canon S300//330/S200/ i255/320/355/450/455/470/475/250/350/ MPC 190/200/MP360/ 370/ 375/390/ MP 5/ 10/ 110/ 130/ 410/ 430/ MPF 10/20/ IP 1000/1500/2000</t>
  </si>
  <si>
    <t xml:space="preserve"> BCI-24С Color Lomond for Canon S300/S200 L0202919</t>
  </si>
  <si>
    <t xml:space="preserve"> BCI-3/BCI-3eBK Lomond for Canon BJC-6000 series/BJC-3000 series/S400/S450/S500series/S600series/S4500/S6300/MultiPass C100 black (L0202316)</t>
  </si>
  <si>
    <t xml:space="preserve"> BCI-3eC Lomond   for Canon S400/450/500/600/700/730/4500/6200/BJC-3000/6000  color L0202313</t>
  </si>
  <si>
    <t xml:space="preserve"> BCI-3eM Lomond   for Canon S400/450/500/600/700/730/4500/6200/BJC-3000/6000  color L0202314</t>
  </si>
  <si>
    <t xml:space="preserve"> BCI-3ePBk(photoblack) Lomond (светло-черный)for Canon s400/450/4500/BJC6000/6100/6200/6500 L0202319</t>
  </si>
  <si>
    <t xml:space="preserve"> BCI-3ePC(photocyan) Lomond (светло-синий)for Canon s400/450/4500/BJC6200/6500 L0202317</t>
  </si>
  <si>
    <t xml:space="preserve"> BCI-3ePM(photomagenta) Lomond (светло-красный)for Canon s400/450/4500/BJC6200/6500 L0202318</t>
  </si>
  <si>
    <t xml:space="preserve"> BCI-3eY for Canon S400/450/500/600/4500/6300/BJC-3000/6000  color</t>
  </si>
  <si>
    <t xml:space="preserve"> BCI-3eY Lomond   for Canon S400/450/500/600/700/730/4500/6200/BJC-3000/6000  color L0202315</t>
  </si>
  <si>
    <t xml:space="preserve"> BCI-6BK  Lomond black чернильница for Canon BJC8200 i905D/9100/950/965/ S800/S820D/S930D/S900/S9000 L0202323</t>
  </si>
  <si>
    <t xml:space="preserve"> BCI-6C  Lomond for Canon BJC8200 i905D/9100/950/965/ S800/S820D/S930D/S900/S9000/ L0202320 (78шт. в кор)</t>
  </si>
  <si>
    <t xml:space="preserve"> BCI-6G (green) Lomond for Canon i9950/ip8500 L0202327</t>
  </si>
  <si>
    <t xml:space="preserve"> BCI-6M  Lomond for Canon BJC8200 i905D/9100/950/965/ S800/S820D/S930D/S900/S9000/ L0202321 (78шт. в кор)</t>
  </si>
  <si>
    <t xml:space="preserve"> BCI-6PC (photocyan) Lomond for Canon BJC8200 i905D/9100/950/965/ S800/S820D/S930D/S900/S9000/ L0202324 (78шт. в кор)</t>
  </si>
  <si>
    <t xml:space="preserve"> BCI-6PM (photomagenta) Lomond (светло-красный) for Canon BJC8200 i905D/9100/950/965/ S800/S820D/S930D/S900/S9000/ L0202325 (78шт. в кор)</t>
  </si>
  <si>
    <t xml:space="preserve"> BCI-6R (red) Lomond for Canon i9950/ip8500 L0202326</t>
  </si>
  <si>
    <t xml:space="preserve"> BCI-6Y  Lomond for Canon BJC8200 i905D/9100/950/965/ S800/S820D/S930D/S900/S9000/ L0202322 (78шт. в кор)</t>
  </si>
  <si>
    <t xml:space="preserve"> BCI-8C Cyan  for Canon BJC8500</t>
  </si>
  <si>
    <t xml:space="preserve"> BCI-8M magenta for Canon BJC82500</t>
  </si>
  <si>
    <t xml:space="preserve"> BCI-8Y yellow for Canon BJC8500</t>
  </si>
  <si>
    <t xml:space="preserve"> BJ-642 (BJI-2625)  for BJ-300/330, QBJ3630, DP-3630E, GIP-3000, BJ-P670, JP-B330, Lexmark 4072, Brother HJ-770 MannesmTally 93/94 распродажа</t>
  </si>
  <si>
    <t xml:space="preserve"> BJI-643black  for BJC-800/820/880 распродажа</t>
  </si>
  <si>
    <t xml:space="preserve"> BJI-643cyan  for BJC-800/820/880 распродажа</t>
  </si>
  <si>
    <t xml:space="preserve"> BJI-643magenta  for BJC-800/820/880 распродажа</t>
  </si>
  <si>
    <t xml:space="preserve"> BJI-643yellow  for BJC-800/820/880 распродажа</t>
  </si>
  <si>
    <t xml:space="preserve"> BX-2    black Exen</t>
  </si>
  <si>
    <t xml:space="preserve"> Canon MultiPack (CLI-8Bk/C/Y/M + подарок черный картридж)  with chip for Pixma iP4200/ iP4300/iP4500/iP5200/ iP5200r/iP5300/iP6600/iP6600d/iP6700/ iP6700d/MP500/MP530/MP600/MP600R/MP610/MP800/ MP800R/MP810</t>
  </si>
  <si>
    <t xml:space="preserve"> CL-513 Jet Tek 12ml Color for  Pixma MP 240/250/260/270/480/490; MX320/330/ iP2700/ MX340/ MX350</t>
  </si>
  <si>
    <t xml:space="preserve"> CLI-426 BL  Profi for Pixma IP4840/4940/MG5140/MG5240/MG6140/MG8140 (9,5 мл)</t>
  </si>
  <si>
    <t xml:space="preserve"> CLI-426 C  Profi for Pixma IP4840/4940/MG5140/MG5240/MG6140/MG8140 (9,5 мл)</t>
  </si>
  <si>
    <t xml:space="preserve"> CLI-426 M  Profi for Pixma IP4840/4940/MG5140/MG5240/MG6140/MG8140 (9,5 мл)</t>
  </si>
  <si>
    <t xml:space="preserve"> CLI-426 Y  Profi for Pixma IP4840/4940/MG5140/MG5240/MG6140/MG8140 (9,5 мл)</t>
  </si>
  <si>
    <t xml:space="preserve"> CLI-521 C Profi 10ml for Canon PIXMA MP540/620/640/630/980/iP3600/4600 L0202355</t>
  </si>
  <si>
    <t xml:space="preserve"> CLI-521 M Profi 10ml for Canon PIXMA MP540/620/640/630/980/iP3600/4600 L0202356</t>
  </si>
  <si>
    <t xml:space="preserve"> CLI-8BK  Lomond (без чипа) for Canon PIXMA MP800/MP500/iP6600D/iP5200/iP5/200R/iP4200  L0202332 (51шт. в кор)</t>
  </si>
  <si>
    <t xml:space="preserve"> CLI-8BK Canon для PIXMA MP800/MP500/iP6600D/iP5200/iP5/200R/iP4200</t>
  </si>
  <si>
    <t xml:space="preserve"> CLI-8BK Profi (with chip)for Canon PIXMA IP4200 /IP4300/IP4500/IP5200/IP5200R/MP500/MP530/MP610/MP600R/MX850 /MP600/MP810/MP830/MP850</t>
  </si>
  <si>
    <t xml:space="preserve"> CLI-8C Lomond\ Exen (без чипа) for Canon PIXMA MP800/MP500/iP6600D/iP5200/iP5/200R/iP4200  L0202333 (51шт. в кор)</t>
  </si>
  <si>
    <t xml:space="preserve"> CLI-8C Profi (with chip) for Canon PIXMA IP4200 /IP4300/IP4500/IP5200/IP5200R/MP500/MP530/MP610/MP600R/MX850 /MP600/MP810/MP830/MP850</t>
  </si>
  <si>
    <t xml:space="preserve"> CLI-8LC (CLI-8PC) ((photocyan) пр-во Canon</t>
  </si>
  <si>
    <t xml:space="preserve"> CLI-8LC (CLI-8PC) Exen (with chip) (photocyan) for Canon PIXMA IP4200 /IP4300/IP4500/IP5200/IP5200R/MP500/MP530/MP610/MP600R/MX850 /MP600/MP810/MP830/MP850</t>
  </si>
  <si>
    <t xml:space="preserve"> CLI-8LM (CLI-8PM) Exen (with chip) (photomagenta) for Canon PIXMA IP4200 /IP4300/IP4500/IP5200/IP5200R/MP500/MP530/MP610/MP600R/MX850 /MP600/MP810/MP830/MP850</t>
  </si>
  <si>
    <t xml:space="preserve"> CLI-8LM (CLI-8PM)(photomagenta) пр-во Canon</t>
  </si>
  <si>
    <t xml:space="preserve"> CLI-8M Profi (with chip)for Canon PIXMA IP4200 /IP4300/IP4500/IP5200/IP5200R/MP500/MP530/MP610/MP600R/MX850 /MP600/MP810/MP830/MP850 L0202347</t>
  </si>
  <si>
    <t xml:space="preserve"> CLI-8Y Profi (with chip)for Canon PIXMA IP4200 /IP4300/IP4500/IP5200/IP5200R/MP500/MP530/MP610/MP600R/MX850 /MP600/MP810/MP830/MP850</t>
  </si>
  <si>
    <t xml:space="preserve"> PFI-102 bk Exen 130ml for Canon iPF500, iPF600, iPF610, iPF700, iPF710</t>
  </si>
  <si>
    <t xml:space="preserve"> PG-37(CL-37) Black pigment Exen 11мл for Canon PIXMA iP1900/1800/ iP2500/iP2600 и МФУ PIXMA MP140/MP190/MP210/MP220/ MX300/MX310</t>
  </si>
  <si>
    <t xml:space="preserve"> PGI-425 Profi Pigm 16ml for Pixma IP4840/4940/MG5140/MG5240/MG6140/MG8140</t>
  </si>
  <si>
    <t xml:space="preserve"> PGI-520 BK Profi 19ml for Canon PIXMA MP540/620/640/630/980/iP3600/4600 L0202353</t>
  </si>
  <si>
    <t xml:space="preserve"> PGI-5Bk Lomond (без чипа) for Canon PIXMA MP800/MP500/iP6600D/iP5200/iP5/200R/iP4200  L0202338 (51шт. в кор)</t>
  </si>
  <si>
    <t xml:space="preserve"> T043140 Epson Stylus C-84/86,C-84/86 Ph,Edition black  распродажа (просрочен)</t>
  </si>
  <si>
    <t xml:space="preserve"> T07344A/newT10544 Epson Stylus Photo  С79/110, T20/30/40, СХ3900/4900/5900/6900/7300/8300/9300, TX200/209/210/219/300/400/409/410/419/550/600  Y</t>
  </si>
  <si>
    <t xml:space="preserve"> T09254A10/newT10854 Multipack for Epson C91/CX4300/T26/27/TX106/109/117/119  (T0921/0922/0923/0924)</t>
  </si>
  <si>
    <t xml:space="preserve"> T17164A10  Multipack (4 к-жа XL) for XP-103/203</t>
  </si>
  <si>
    <t xml:space="preserve"> T26114010 for XP600 photoBlack</t>
  </si>
  <si>
    <t xml:space="preserve">  сменный контейнер for HP №21\№27\№56\№130\№131 Bk L0202817 Lomond</t>
  </si>
  <si>
    <t xml:space="preserve"> HP</t>
  </si>
  <si>
    <t xml:space="preserve"> HP 51640C for HP DJ 1200c/1600c распродажа</t>
  </si>
  <si>
    <t xml:space="preserve"> HP 51640M for HP DJ 1200c/1600c распродажа</t>
  </si>
  <si>
    <t xml:space="preserve"> HP 51640Y for HP DJ 1200c/1600c распродажа</t>
  </si>
  <si>
    <t xml:space="preserve"> HP c4801A Cyan №10 head Exen</t>
  </si>
  <si>
    <t xml:space="preserve"> HP c4802A Magen №10 head Exen</t>
  </si>
  <si>
    <t xml:space="preserve"> HP c4813a Y №11  head for DesignJet 500/800pc/cp1700d</t>
  </si>
  <si>
    <t xml:space="preserve"> HP C4821A head №80 for Designjet 1050c/c plus/1055cm/cm plus Cyan</t>
  </si>
  <si>
    <t xml:space="preserve"> HP c4844a multipack for plotter HP Design Jet 110+ (c4844, c4836, c4837, c4838)</t>
  </si>
  <si>
    <t xml:space="preserve"> HP c4846 №80 C for HP DJ 1050C/1055C (350ml) OEM  распродажа (просрочен)</t>
  </si>
  <si>
    <t xml:space="preserve"> HP c4847 №80 M for HP DJ 1050C/1055C (350ml) распродажа (просрочен)</t>
  </si>
  <si>
    <t xml:space="preserve"> HP c4848 №80 Y for HP DJ 1050C/1055C (350ml) распродажа (просрочен)</t>
  </si>
  <si>
    <t xml:space="preserve"> HP c4872 №80 C for HP DJ 1050C/1055C (175ml) распродажа</t>
  </si>
  <si>
    <t xml:space="preserve"> HP c4873 №80 Y for HP DJ 1050C/1055C (175ml) распродажа</t>
  </si>
  <si>
    <t xml:space="preserve"> HP c4874 №80 M for HP DJ 1050C/1055C (175ml) распродажа</t>
  </si>
  <si>
    <t xml:space="preserve"> HP c4920ae head Exen for HP 1160/d125xi/d135/d145/d155xi/7110xi/7130xi/7140xi</t>
  </si>
  <si>
    <t xml:space="preserve"> HP c6614D №20 Exen 28мл for  HP DJ 610C/615c640c/656с  HP Fax  925cxi  Pigm/ black  (ERH-14)</t>
  </si>
  <si>
    <t xml:space="preserve"> HP C8721EE Black Exen (№363) 11ml for НР PhotoSmart 7263/ c7283/D7300/D7100/D6100/C7100/C6100/C5100/8200/3100 series (прошивка для Европы)</t>
  </si>
  <si>
    <t xml:space="preserve"> HP C8771EE C Exen (№363) 18ml for НР PhotoSmart 7263/ c7283/D7300/D7100/D6100/C7100/C6100/C5100/8200/3100 series (прошивка для Европы)</t>
  </si>
  <si>
    <t xml:space="preserve"> HP C8772EE M Exen (№363) 18ml for НР PhotoSmart 7263/ c7283/D7300/D7100/D6100/C7100/C6100/C5100/8200/3100 series (прошивка для Европы)</t>
  </si>
  <si>
    <t xml:space="preserve"> HP C8773EE Y Exen (№363) 18ml for НР PhotoSmart 7263/ c7283/D7300/D7100/D6100/C7100/C6100/C5100/8200/3100 series (прошивка для Европы)</t>
  </si>
  <si>
    <t xml:space="preserve"> HP C8774EE LC Exen (№363) 18ml for НР PhotoSmart 7263/ c7283/D7300/D7100/D6100/C7100/C6100/C5100/8200/3100 series (прошивка для Европы)</t>
  </si>
  <si>
    <t xml:space="preserve"> HP C8775EE LM Exen (№363) 18ml for НР PhotoSmart 7263/ c7283/D7300/D7100/D6100/C7100/C6100/C5100/8200/3100 series (прошивка для Европы)</t>
  </si>
  <si>
    <t xml:space="preserve"> HP C9361HE №136 HP DJ   5443/PSC2573 color 5ml</t>
  </si>
  <si>
    <t xml:space="preserve"> HP C9365A №101 Exen for Photosmart 8750/8753</t>
  </si>
  <si>
    <t xml:space="preserve"> HP c9368AN №100 Exen  ERH-100 Dye 18ml GrayPhoto</t>
  </si>
  <si>
    <t xml:space="preserve"> HP c9369W №99 Exen for DJ 6540/6840/9800/ phsm 8150/8450/ psc 2710/2610 DyeColor Photo</t>
  </si>
  <si>
    <t xml:space="preserve"> HP c9369Z №858 Exen for DJ 5748/6548/6848/ phsm 2608/8458/8158 DyeColor Photo</t>
  </si>
  <si>
    <t xml:space="preserve"> HP C9370A Ph.Black №72 (orig 130ml) for DJ T1100/Т1100ps/Т610/ T790</t>
  </si>
  <si>
    <t xml:space="preserve"> HP C9373A Y №72(orig 130ml)  for DJ T1100/Т1100ps/Т610/ T790</t>
  </si>
  <si>
    <t xml:space="preserve"> HP C9380A  head Exen (Gray &amp; Ph.Black) for DJ T1100/Т1100ps/Т610</t>
  </si>
  <si>
    <t xml:space="preserve"> HP C9383A  head Exen (M &amp; C) for DJ T1100/Т1100ps/Т610</t>
  </si>
  <si>
    <t xml:space="preserve"> HP C9393AE Y №88XL for OfficeJet Pro L7480/L7580/L7680/L7780/K5400/K550, 17.1 ml</t>
  </si>
  <si>
    <t xml:space="preserve"> HP C9420A С №85 Exen head for DesignJet 30/90/130</t>
  </si>
  <si>
    <t xml:space="preserve"> HP C9421A M №85 Exen head for DesignJet 30/90/130</t>
  </si>
  <si>
    <t xml:space="preserve"> HP C9423A LC №85 Exen head for DesignJet 30/90/130</t>
  </si>
  <si>
    <t xml:space="preserve"> HP CH565A №82 Bl  for Designjet 500/510/800/810//820/815  69ml</t>
  </si>
  <si>
    <t xml:space="preserve"> HP CH566A №82 C for Designjet 500/510/800/810//820/815  28ml</t>
  </si>
  <si>
    <t xml:space="preserve"> HP CH567A №82 M for Designjet 500 | 500plus | 500ps | 500 PS Plus | 510 | 510ps | 800 | 800PS</t>
  </si>
  <si>
    <t xml:space="preserve"> HP CH568A №82 Y for Designjet 500/510/800/810//820/815  28ml</t>
  </si>
  <si>
    <t xml:space="preserve"> HP №10 c4841a C Exen 28ml for HP 2500C/2000c/ HP designJet ColorPro CAD/ ColorPro GA</t>
  </si>
  <si>
    <t xml:space="preserve"> HP №11(№13) c4836ae(c4815a) Exen 28ml, C for HP Business Inkjet 1100 series/2200/2300/2230/2250/2280/2600series/1700/100/110/120/10ps/20ps/50ps/tA3+/B+ Graphic printer series</t>
  </si>
  <si>
    <t xml:space="preserve"> HP №11(№13) c4837ae(c4816a) Exen 28ml, M forHP Business Inkjet 1100 series/2200/2300/2230/2250/2280/2600series/1700/100/110/120/10ps/20ps/50ps/tA3+/B+ Graphic printer series</t>
  </si>
  <si>
    <t xml:space="preserve"> HP №11(№13) c4838ae(c4817a) Exen 28ml, Y for HP Business Inkjet 1100 series/2200/2300/2230/2250/2280/2600series/1700/100/110/120/10ps/20ps/50ps/tA3+/B+ Graphic printer series</t>
  </si>
  <si>
    <t xml:space="preserve"> HP №121 cc640he Bl 6ml Exen for HP DJ F4283/D2563/D2663/D5563/F2483/F4583/ Photosmart C4683</t>
  </si>
  <si>
    <t xml:space="preserve"> HP №121XL cc641XL(cc640)Exen  Bl 12ml for HP DJ F4283/D2563/D2663/D5563/F2483/F4583/ Photosmart C4683</t>
  </si>
  <si>
    <t xml:space="preserve"> HP №121XL cc644XL(cc643)Exen Color 21ml  for HP DJ F4283/D2563</t>
  </si>
  <si>
    <t xml:space="preserve"> HP №122 ch562he Exen Tri-color  for Deskjet 1050/2050/2050s</t>
  </si>
  <si>
    <t xml:space="preserve"> HP №122XL ch561heXL/ch563he Bl Profi 18ml  for Deskjet 1050/2050/2050s</t>
  </si>
  <si>
    <t xml:space="preserve"> HP №122XL ch562he/ 564XL Tri-color Profi 18ml for Deskjet 1050/2050/2050s</t>
  </si>
  <si>
    <t xml:space="preserve"> HP №129 C9364H  Profi Bl 18 ml for Deskjet5940/5940xi/5943/6940/6940dt/6943/6980/6980dt/6983/D4160/oj6310/6315/psc2575/8050/c4180/d5160/ HP DJ8053/8753/5943/2573</t>
  </si>
  <si>
    <t xml:space="preserve"> HP №130 c8767H Profi black 30ml for DJ 5740/6840/6843/ phsm 8153/8453/ psc 2610 pigment</t>
  </si>
  <si>
    <t xml:space="preserve"> HP №131 c8765H  Profi  black 14ml for DJ 460/5740/6840/phsm 8153/8453/ psc1510/1610</t>
  </si>
  <si>
    <t xml:space="preserve"> HP №132 c9362he Exen black 18ml for DJ 5443/ psc2573/Photosmart2610/2613/2710/2713/8150/8153/8450/8453/C3180/PRO B8350/PSC1500</t>
  </si>
  <si>
    <t xml:space="preserve"> HP №135 c8766H  Profi color 18ml for DJ 460/5740/6840/ phsm 8153/8453/ psc 2610/1610</t>
  </si>
  <si>
    <t xml:space="preserve"> HP №136 c9361he  Exen color Dye 10ml for DJ 5443/PSC2573</t>
  </si>
  <si>
    <t xml:space="preserve"> HP №138 c9369H Exen DJ6543/5740/5743/6843,PhotoSmart8153/8453,13ml Photo</t>
  </si>
  <si>
    <t xml:space="preserve"> HP №140 cb335HE Exen for Photosmart C4283/C5283/D5363/J5783/D4263 Black, 4,5ml</t>
  </si>
  <si>
    <t xml:space="preserve"> HP №140xl cb336HE/cb335HE Bl Profi (26,6ml)  C4283/C5283/D5363/J5783/D4263</t>
  </si>
  <si>
    <t xml:space="preserve"> HP №141 cb337he JetTek color for Photosmart C4283/C5283/D5363/J5783/D4263</t>
  </si>
  <si>
    <t xml:space="preserve"> HP №141xl cb338HE/cb337 Profi (18ml) color for Photosmart C4283/C5283/D5363/J5783/D4263</t>
  </si>
  <si>
    <t xml:space="preserve"> HP №15 с6615A Exen Bl 42ml for HP 810с/840c/843с/845c/920c/940c/3820</t>
  </si>
  <si>
    <t xml:space="preserve"> HP №177 C8721HE Black Exen 35ml for НР PhotoSmart 7263/ c7283/D7300/D7100/D6100/C7100/C6100/C5100/8200/3100 series (прошивка для Россия и СНГ)</t>
  </si>
  <si>
    <t xml:space="preserve"> HP №177 C8771HE C Exen 18ml for НР PhotoSmart 7263/ c7283/D7300/D7100/D6100/C7100/C6100/C5100/8200/3100 series (прошивка для Россия и СНГ)</t>
  </si>
  <si>
    <t xml:space="preserve"> HP №177 C8772HE M Exen 18ml for НР PhotoSmart 7263/ c7283/D7300/D7100/D6100/C7100/C6100/C5100/8200/3100 series (прошивка для Россия и СНГ)</t>
  </si>
  <si>
    <t xml:space="preserve"> HP №177 C8773HE Y Exen 18ml for НР PhotoSmart 7263/ c7283/D7300/D7100/D6100/C7100/C6100/C5100/8200/3100 series (прошивка для Россия и СНГ)</t>
  </si>
  <si>
    <t xml:space="preserve"> HP №177 C8774HE LC Exen 18ml for НР PhotoSmart 7263/ c7283/D7300/D7100/D6100/C7100/C6100/C5100/8200/3100 series (прошивка для Россия и СНГ)</t>
  </si>
  <si>
    <t xml:space="preserve"> HP №177 C8775HE LM Exen 18ml for НР PhotoSmart 7263/ c7283/D7300/D7100/D6100/C7100/C6100/C5100/8200/3100 series (прошивка для Россия и СНГ)</t>
  </si>
  <si>
    <t xml:space="preserve"> HP №177 multipack (бумага A6 в подарок) (с8721/с8771/с8772/с8773)</t>
  </si>
  <si>
    <t xml:space="preserve"> HP №178 CB318HE Cyan for PhotoSmart C6383/8553/D5463/C5383 (250pp)</t>
  </si>
  <si>
    <t xml:space="preserve"> HP №178 CB319HE Magenta for PhotoSmart C6383/8553/D5463/C5383 (250pp)</t>
  </si>
  <si>
    <t xml:space="preserve"> HP №178xl cb322/cb317 Ph.Bl Profi 14ml for PhotoSmart C6383/8553/D5463/C5383</t>
  </si>
  <si>
    <t xml:space="preserve"> HP №178xl cb323he/cb318 Cyan Profi 14ml for PhotoSmart C6383/8553/D5463/C5383</t>
  </si>
  <si>
    <t xml:space="preserve"> HP №178xl cb324he/cb319 Magenta Profi 14ml for PhotoSmart C6383/8553/D5463/C5383</t>
  </si>
  <si>
    <t xml:space="preserve"> HP №178xl cb325he/cb320 Yellow Profi 14ml for PhotoSmart C6383/8553/D5463/C5383</t>
  </si>
  <si>
    <t xml:space="preserve"> HP №178xl cn684he/ cb316XL Black Profi 19ml for PhotoSmart C6383/8553/D5463/C5383</t>
  </si>
  <si>
    <t xml:space="preserve"> HP №21XL c9351C Exen Bl 22ml for DJ 3910/3920/3930/3940/D2330/psc1410/ OJ 311/4315/5605</t>
  </si>
  <si>
    <t xml:space="preserve"> HP №22 C9352ae Jet Tek color for НР PSC F2180/F380/F4180/4355/1410/J5520/3940/D246</t>
  </si>
  <si>
    <t xml:space="preserve"> HP №22XL C9352CE (XL) Exen 17ml color for НР PSC F2180/F380/F4180/4355/1410/J5520/3940/D246</t>
  </si>
  <si>
    <t xml:space="preserve"> HP №23 c1823 Profi  Dye color for DJ 710c/720c/722c/880c/890c/895cxi</t>
  </si>
  <si>
    <t xml:space="preserve"> HP №27 C8727A Profi  Pigm/black 17ml for HP DJ3325/3420C/3320/3550</t>
  </si>
  <si>
    <t xml:space="preserve"> HP №28 C8728A Exen Dye color 21ml  for HP DJ3320/3325/3420/3425/3520/3535/3550/3650</t>
  </si>
  <si>
    <t xml:space="preserve"> HP №45 с51645A Profi  black 42ml for HP DJ 710c/720c/722c/820cxi/850c/870cxi/880c/890c/895cxi/930c/950c/970cxi/980cxi/1220c/1100c/1120c/  HP OJ pro1150c/1170c/1175c/T45/T65/R45/R65/ DesignJet700/750/755</t>
  </si>
  <si>
    <t xml:space="preserve"> HP №56 C6656A Profi  Pigm/black for Officejet 1217/1219/1310/1311/1312/1315/1317/1340/1350/1355/2105 /2108/2110/2115/2171/2175/2179 /2210/2410/2510 Photosmart 7150/7260/7345/7350/7450/7459/ 7550/7655/7660/7755/7760/7762/ 7960/7690gp</t>
  </si>
  <si>
    <t xml:space="preserve"> HP №57 C6657A Exen  Dye color for HP Photosmart 100/130/230/145/245/7150/7260/ 7345/7350/7450/7459/7550/7655/ 7660/7755/7760/7762/7960/7690g p/ PCS1110/1200/1205/1210/1215/1315/1350/2105/2110/2115/2171/2175/2179/2210/2410/2510/</t>
  </si>
  <si>
    <t xml:space="preserve"> HP №655 Cyan CZ110AE Jet Tek</t>
  </si>
  <si>
    <t xml:space="preserve"> HP №655 Magen CZ111AE Jet Tek</t>
  </si>
  <si>
    <t xml:space="preserve"> HP №655 Yellow CZ112AE Jet Tek</t>
  </si>
  <si>
    <t xml:space="preserve"> HP №72 c9370A Ph.Black 300 ml Exen for DJ T1100/Т1100ps/Т610/ T790</t>
  </si>
  <si>
    <t xml:space="preserve"> HP №72 c9371A Ca300ml Exen for DJ T1100/Т1100ps/Т610/ T790</t>
  </si>
  <si>
    <t xml:space="preserve"> HP №72 c9372A M 300ml Exen for DJ T1100/Т1100ps/Т610/ T790</t>
  </si>
  <si>
    <t xml:space="preserve"> HP №72 c9374A Gray 130ml Exen for DJ T1100/Т1100ps/Т610/ T790</t>
  </si>
  <si>
    <t xml:space="preserve"> HP №72 c9403A Matt Black 130ml Exen for DJ T1100/Т1100ps/Т610/ T790</t>
  </si>
  <si>
    <t xml:space="preserve"> HP №78 c6578D Exen 36ml color for HP 916с/920c/930c/940c/950c/959с/960с/970cxi/980cxi/990cxi/995c/1180c/1220c/3820/1280  HP PS 1000/1100/1115/1215/1218/1315</t>
  </si>
  <si>
    <t xml:space="preserve"> HP №82 c4911a C Exen 69ml for HP Designjet 500/500PS/ 800/ 800PS/815mfp/ A3+/B+Graphic printer series/copier series</t>
  </si>
  <si>
    <t xml:space="preserve"> HP №82 c4912a M Exen 69ml for HP Designjet 500/500PS/ 800/ 800PS/815mfp/ A3+/B+Graphic printer series/copier series</t>
  </si>
  <si>
    <t xml:space="preserve"> HP №82 c4913a Y Exen 69ml for HP Designjet 500/500PS/ 800/ 800PS/815mfp/ A3+/B+Graphic printer series/copier series</t>
  </si>
  <si>
    <t xml:space="preserve"> HP №82 ch565A Bl  Exen 69ml for Designjet 510/810//820/815</t>
  </si>
  <si>
    <t xml:space="preserve"> HP №82 CH567A/ c4912 low M Exen 28ml for for HP Designjet 500 | 500plus | 500ps | 500 PS Plus | 510 | 510ps | 800 | 800PS</t>
  </si>
  <si>
    <t xml:space="preserve"> HP №82 CH568A/ c4913a low Y Exen 28ml for for HP Designjet 500 | 500plus | 500ps | 500 PS Plus | 510 | 510ps | 800 | 800PS</t>
  </si>
  <si>
    <t xml:space="preserve"> HP №84 c5016a Exen Black 69ml for plotter HP DesignJet 10 PS | 20 PS | 30 | 30GP | 30N | 50 PS | 90 | 90GP | 90R | 120 | 120NR | 120PS | 120PSN | 130</t>
  </si>
  <si>
    <t xml:space="preserve"> HP №84 c5016a Exen Cyan 69ml for plotter HP DesignJet 30\90\120\130</t>
  </si>
  <si>
    <t xml:space="preserve"> HP №84 c5017a Exen LC 69ml for DJ 10 PS | 20 PS | 50 PS | 120 | 120NR | 120PS | 120PSN</t>
  </si>
  <si>
    <t xml:space="preserve"> HP №85 c9425 Exen C 28ml for plotter HP DesignJet 90\120\130</t>
  </si>
  <si>
    <t xml:space="preserve"> HP №85 c9429 Exen LM 69ml for plotter HP DesignJet 90\120\130</t>
  </si>
  <si>
    <t xml:space="preserve"> HP №88 c9385ae/9396 Bl  Profi pigm 65ml  for OfficeJet Pro L7480/L7580/L7680/L7780/K5400/K550</t>
  </si>
  <si>
    <t xml:space="preserve"> HP №88 c9386AE/9391 C Profi 23ml for OfficeJet Pro L7480/L7580/L7680/L7780/K5400/K550</t>
  </si>
  <si>
    <t xml:space="preserve"> HP №88 c9387AE/9392 M Profi 23ml for OfficeJet Pro L7480/L7580/L7680/L7780/K5400/K550</t>
  </si>
  <si>
    <t xml:space="preserve"> HP №920xl cd971ae Jet TekI Bl 20ml for OJ 6500/7000/6000/7500</t>
  </si>
  <si>
    <t xml:space="preserve"> HP №920XL cd971XL/cd975 MSI Bl 53ml for OJ 6500/7000/6000/7500</t>
  </si>
  <si>
    <t xml:space="preserve"> HP №920XL cd972XL MSI C 14ml for OJ 6500/7000/6500/7500</t>
  </si>
  <si>
    <t xml:space="preserve"> HP №920XL cd973XL MSI M 14ml for OJ 6500/7000/6500/7500</t>
  </si>
  <si>
    <t xml:space="preserve"> HP №920XL cd974XL MSI Y 14ml for OJ 6500/7000/6500/7500</t>
  </si>
  <si>
    <t xml:space="preserve"> HP №940XL C4906A bl Profi 62ml for OJ Pro 8000/8500</t>
  </si>
  <si>
    <t xml:space="preserve"> HP №940XL C4907A C Profi 28ml for OJ Pro 8000/8500</t>
  </si>
  <si>
    <t xml:space="preserve"> HP №940XL C4908A M Profi 28ml for OJ Pro 8000/8500</t>
  </si>
  <si>
    <t xml:space="preserve"> HP №940XL C4909A Y Profi 28ml for OJ Pro 8000/8500</t>
  </si>
  <si>
    <t xml:space="preserve"> HP №95 c8766W Exen for DJ 5740/6540/6840/ phsm 8150/8450/ psc 1610/2350/2610 Dye color ERH-95</t>
  </si>
  <si>
    <t xml:space="preserve"> T0452 for c64/c84/CX6400 (EIM452C)Cyan Ink-Mate распродажа</t>
  </si>
  <si>
    <t xml:space="preserve"> T0453 for c64/c84/CX6400 (EIM453M)Magen Ink-Mate распродажа</t>
  </si>
  <si>
    <t xml:space="preserve"> T0454 for c64/c84/CX6400 (EIM454Y)Yellow Ink-Mate распродажа</t>
  </si>
  <si>
    <t xml:space="preserve"> s020010=s020062 Epson stylus 1500/SQ-870/SQ-1170 black пр-во Lomond</t>
  </si>
  <si>
    <t xml:space="preserve"> S020025  for Epson Stylus 400/ 800+/ 1000  black  пр-во Jet Tek распродажа</t>
  </si>
  <si>
    <t xml:space="preserve"> S020034  for Epson Stylus Color/PRO XL/PRO XL+/ ProL  black  пр-во Jet Tek распродажа</t>
  </si>
  <si>
    <t xml:space="preserve"> S020049/097  for Epson Stylus Color 200/500  color   пр-во Lomond РАСПРОДАЖА</t>
  </si>
  <si>
    <t xml:space="preserve"> S020138 for Epson Stylus Color 300   color  пр-во Jet Tek распродажа</t>
  </si>
  <si>
    <t xml:space="preserve"> T003011 for Epson Stylus 900 black  пр-во Jet Tek распродажа</t>
  </si>
  <si>
    <t xml:space="preserve"> T005011 for Epson Stylus 900 color   пр-во Jet Tek распродажа</t>
  </si>
  <si>
    <t xml:space="preserve"> T007401 Profi for Epson Stylus 790/870/875DC/890/895/900/915/1270/1290  black</t>
  </si>
  <si>
    <t xml:space="preserve"> T008401 Profi for Epson Stylus 790/870/875DC/890/895/915/825/785  color</t>
  </si>
  <si>
    <t xml:space="preserve"> T009401 (E09C/M/Y/LC/LM) for Epson Stylus 1270/1280/1290 color пр-во Lomond L0202225/LEE 0202721  (56шт. в кор)</t>
  </si>
  <si>
    <t xml:space="preserve"> T017401 for Epson stylus 680c пр-во Lomond</t>
  </si>
  <si>
    <t xml:space="preserve"> T020 color Lomond for Epson stylus 880  color</t>
  </si>
  <si>
    <t xml:space="preserve"> T026 MicroJet for Epson STYLUS Photo 810 black</t>
  </si>
  <si>
    <t xml:space="preserve"> T027 MicroJet for Epson STYLUS Photo 810/830/925 Color</t>
  </si>
  <si>
    <t xml:space="preserve"> T028 MicroJet  Epson STYLUS C60 black</t>
  </si>
  <si>
    <t xml:space="preserve"> T029 MicroJet for Epson STYLUS C60 Colo</t>
  </si>
  <si>
    <t xml:space="preserve"> T032140 (E321Bk) for  Epson Stylus C70/C80/С82/c81/R2100/R2200/CX5100/CX5200/CX5300/CX5400 Black пр-во Lomond L0202738</t>
  </si>
  <si>
    <t xml:space="preserve"> T0322 MicroJet for Epson Stylus C70/C80 Cyan</t>
  </si>
  <si>
    <t xml:space="preserve"> T0323 MicroJet for Epson Stylus C70/C80 Magenta</t>
  </si>
  <si>
    <t xml:space="preserve"> T0324 MicroJet for Epson Stylus C70/C80 Yellow</t>
  </si>
  <si>
    <t xml:space="preserve"> T033140 for Epson 950 Black Exen</t>
  </si>
  <si>
    <t xml:space="preserve"> T033240 for Epson 950/960 Cyan Exen</t>
  </si>
  <si>
    <t xml:space="preserve"> T033340 for Epson 950/960 Magenta Exen</t>
  </si>
  <si>
    <t xml:space="preserve"> T033440 for Epson 950/960 Yellow Exen</t>
  </si>
  <si>
    <t xml:space="preserve"> T033540 for Epson 950/960 LC Exen</t>
  </si>
  <si>
    <t xml:space="preserve"> T033640 for Epson 950/960 LM Exen</t>
  </si>
  <si>
    <t xml:space="preserve"> T034240 fo Epson Stylus  Photo 2100/2200 Exen 17ml</t>
  </si>
  <si>
    <t xml:space="preserve"> T034340 fo Epson Stylus  Photo 2100/2200 Exen 17ml</t>
  </si>
  <si>
    <t xml:space="preserve"> T034440 fo Epson Stylus  Photo 2100/2200 Exen 17ml</t>
  </si>
  <si>
    <t xml:space="preserve"> T034540 fo Epson Stylus  Photo 2100/2200 Exen 17ml</t>
  </si>
  <si>
    <t xml:space="preserve"> T034640 fo Epson Stylus  Photo 2100/2200 Exen 17ml</t>
  </si>
  <si>
    <t xml:space="preserve"> T034740 for Epson Stylus  Photo 2100/2200 Exen 17ml</t>
  </si>
  <si>
    <t xml:space="preserve"> T034840 for Epson Stylus  Photo 2100/2200 Exen 17ml</t>
  </si>
  <si>
    <t xml:space="preserve"> T036140 (E036) for Epson stylus C42 Plus/C42S/C42SX/C42UX black пр-во Lomond L202730</t>
  </si>
  <si>
    <t xml:space="preserve"> T037 (E37C/M/Y) for Epson Stylus C42 Plus/C42S/C42SX/C42UX color Lomond L0202731</t>
  </si>
  <si>
    <t xml:space="preserve"> T038 (E38Bk) for  Epson Stylus  C41SX/C41UX black Lomond L0202541/newL0202722  (78шт. в кор)</t>
  </si>
  <si>
    <t xml:space="preserve"> T039 (E39C/M/Y) for Epson Stylus  C41SX/C41UX/C43SX  color пр-во Lomond L0202723  (56шт. в кор)</t>
  </si>
  <si>
    <t xml:space="preserve"> T040 (E40Bk) for Epson stylus C62/CX3200 black Lomond L0202736</t>
  </si>
  <si>
    <t xml:space="preserve"> T041 (E41C/M/Y) for Epson stylus C62/CX3200 color пр-во Lomond L0202737</t>
  </si>
  <si>
    <t xml:space="preserve"> T042240 (E42C) for Epson Stylus C82/CX5200/CX5400 Cyan пр-во Lomond L0202739</t>
  </si>
  <si>
    <t xml:space="preserve"> T042340 (E42M) for Epson Stylus C82/CX5200/CX5400 Magenta пр-во Lomond L0202740</t>
  </si>
  <si>
    <t xml:space="preserve"> T042440 (E42Y) for Epson Stylus C82/CX5200/CX5400 Yellow пр-во Lomond L0202741</t>
  </si>
  <si>
    <t xml:space="preserve"> T0441 (E44Bk) for Epson stylus c64 (black) пр-во Lomond L0202714 (96шт. в кор)</t>
  </si>
  <si>
    <t xml:space="preserve"> T044340 (E44M) for Epson Stylus C-84/86,C-84/86 Ph,Edition (magenta) пр-во Lomond  L0202712 (96шт. в кор)</t>
  </si>
  <si>
    <t xml:space="preserve"> T044440 (E44Y) for Epson Stylus C-84/86,C-84/86 Ph,Edition (yellow) пр-во Lomond  L0202713 (96шт. в кор)</t>
  </si>
  <si>
    <t xml:space="preserve"> T046140 (E46Bk) for Epson Stylus C63/С65/C83/CX6300 Lomond L0202710 LEE (96шт. в кор)</t>
  </si>
  <si>
    <t xml:space="preserve"> T047240C (E47C) for Epson St C63/C65/CX3500  Lomond L0202707 LEE (96шт. в кор)</t>
  </si>
  <si>
    <t xml:space="preserve"> T047340M (E47M) for Epson St C63/C65/CX3500 Lomond L0202708 LEE (96шт. в кор)</t>
  </si>
  <si>
    <t xml:space="preserve"> T047440Y (T47Y) for Epson St C63/C65/CX3500 Lomond L0202709 LEE  (96шт. в кор)</t>
  </si>
  <si>
    <t xml:space="preserve"> T048140 Profi for R200/300/500/600 (black) L0202701  (96шт. в кор)</t>
  </si>
  <si>
    <t xml:space="preserve"> T048240 Profi for R200/300/500/600 (cyan) L0202702  (96шт. в кор)</t>
  </si>
  <si>
    <t xml:space="preserve"> T048340 Profi for R200/300/500/600 (magenta) L0202703</t>
  </si>
  <si>
    <t xml:space="preserve"> T048440 Profi for R200/300/500/600 (yellow) L0202704</t>
  </si>
  <si>
    <t xml:space="preserve"> T048540 Profi for R200/300/500/600 (Light Cyan) L0202705</t>
  </si>
  <si>
    <t xml:space="preserve"> T048640 Profi for R200/300/500/600 (Light Magenta) L0202706</t>
  </si>
  <si>
    <t xml:space="preserve"> T048740BA MultiPack for  R200/300RX500/600 (T0481/0482/0483/0484/0485/0486+подарок бумага A6) Lomond</t>
  </si>
  <si>
    <t xml:space="preserve"> T050 Lomond  (T013201/S020187/S020093)  for Epson Stylus 480/580/c20SX / C40UX\ ST Photo 1200  black L0202005/L0202742</t>
  </si>
  <si>
    <t xml:space="preserve"> T051 Exen (S020189/ S020108) for Epson stylus  740/760/860/800/850/1520/1160 Black</t>
  </si>
  <si>
    <t xml:space="preserve"> T052 Lomond (T014401/S020089/S020191)  for Epson Stylus 480/480sx/580/1160 color L0202743</t>
  </si>
  <si>
    <t xml:space="preserve"> T053 Lomond (s020193/ s020110) for Epson stylus Photo700/710/720/750/EX/EX2/EX3 color L0202733</t>
  </si>
  <si>
    <t xml:space="preserve"> T054040 Cactus for Epson St.Ph R 800/1800 Gloss Optimizer</t>
  </si>
  <si>
    <t xml:space="preserve"> T054140 Exen PhBl for Epson St.Ph R 800/1800</t>
  </si>
  <si>
    <t xml:space="preserve"> T054240 Exen C for Epson St.Ph R 800/1800</t>
  </si>
  <si>
    <t xml:space="preserve"> T054340 Exen M for Epson St.Ph R 800/1800</t>
  </si>
  <si>
    <t xml:space="preserve"> T054440 Exen Y for Epson St.Ph R 800/1800</t>
  </si>
  <si>
    <t xml:space="preserve"> T054740 Exen Red for Epson St.Ph R 800/1800</t>
  </si>
  <si>
    <t xml:space="preserve"> T054840 Exen M-Bl for Epson St.Ph R 800/1800</t>
  </si>
  <si>
    <t xml:space="preserve"> T054940 Exen Blue for Epson St.Ph R 800/1800</t>
  </si>
  <si>
    <t xml:space="preserve"> T0552C Lomond for Epson Stylus Photo R240/250/420 Cyan L0202725</t>
  </si>
  <si>
    <t xml:space="preserve"> T0553M Lomond for Epson Stylus Photo R240/250/420 Magenta L0202726</t>
  </si>
  <si>
    <t xml:space="preserve"> T0554Y Lomond for Epson Stylus Photo R240/250/420 Yellow L0202727</t>
  </si>
  <si>
    <t xml:space="preserve"> T055BK Lomond for Epson Stylus Photo R240/250/420 black L0202724</t>
  </si>
  <si>
    <t xml:space="preserve"> T059140 Exen pigm 17ml for Epson Stylus Photo R2400 black</t>
  </si>
  <si>
    <t xml:space="preserve"> T059240 Exen pigm 17ml for Epson Stylus Photo R2400 C</t>
  </si>
  <si>
    <t xml:space="preserve"> T059340 Exen pigm 17ml for Epson Stylus Photo R2400 M</t>
  </si>
  <si>
    <t xml:space="preserve"> T059440 Exen pigm 17ml for Epson Stylus Photo R2400 Y</t>
  </si>
  <si>
    <t xml:space="preserve"> T059540 Exen pigm 17ml for Epson Stylus Photo R2400 LC</t>
  </si>
  <si>
    <t xml:space="preserve"> T059640 Exen pigm 17ml for Epson Stylus Photo R2400 LM</t>
  </si>
  <si>
    <t xml:space="preserve"> T059740 Exen pigm 17ml for Epson Stylus Photo R2400 L.black</t>
  </si>
  <si>
    <t xml:space="preserve"> T059840 Exen pigm 17ml for Epson Stylus Photo R2400 Matt black</t>
  </si>
  <si>
    <t xml:space="preserve"> T059940 Exen pigm 17ml for Epson Stylus Photo R2400 LL black</t>
  </si>
  <si>
    <t xml:space="preserve"> T06314BL Exen pigm 12ml for Epson stylus C67/C87/CX3700/CX4100/CX4700</t>
  </si>
  <si>
    <t xml:space="preserve"> T06324C Lomond pigm 17ml for Epson stylus C67/C87/CX3700/CX4100/CX4700  L0202715  (96шт. в кор)</t>
  </si>
  <si>
    <t xml:space="preserve"> T06334M  Lomond pigm 17ml for Epson stylus C67/C87/CX3700/CX4100/CX4700 L0202716  (96шт. в кор)</t>
  </si>
  <si>
    <t xml:space="preserve"> T06344Y Lomond  pigm 17ml for Epson stylus C67/C87/CX3700/CX4100/CX4700  L0202717 (96шт. в кор)</t>
  </si>
  <si>
    <t xml:space="preserve"> T06374A Multipack for Epson stylus C67/C87/CX3700/CX4100/CX4700 Lomond (T0631/632/633/634 + подарок фотобумага A6)</t>
  </si>
  <si>
    <t xml:space="preserve"> T0711 bl for D78/ DX4000/ dx4050/ dx5000/ dx5050/dx6000/dx6050/dx7000 Exen</t>
  </si>
  <si>
    <t xml:space="preserve"> T0711 C for D78/ DX4000/ dx4050/ dx5000/ dx5050/dx6000/dx6050/dx7000 Exen</t>
  </si>
  <si>
    <t xml:space="preserve"> T0731N /T1051N Bl Profi for Epson T10/T11/T20/T20E/T23/T30/TX100/TX110/TX200/TX210/TX209/officeTX300f/TX400/C79/C110/CX8300/CX5500(73N)</t>
  </si>
  <si>
    <t xml:space="preserve"> T0732N /T1052N C Profi for Epson T10/T11/T20/T20E/T23/T30/TX100/TX110/TX200/TX210/TX209/officeTX300f/TX400/C79/C110/CX8300/CX5500(73N)</t>
  </si>
  <si>
    <t xml:space="preserve"> T0733N /T1053N M Profi for Epson T10/T11/T20/T20E/T23/T30/TX100/TX110/TX200/TX210/TX209/officeTX300f/TX400/C79/C110/CX8300/CX5500(73N)</t>
  </si>
  <si>
    <t xml:space="preserve"> T0734N /T1054N Y Profi for Epson T10/T11/T20/T20E/T23/T30/TX100/TX110/TX200/TX210/TX209/officeTX300f/TX400/C79/C110/CX8300/CX5500(73N)</t>
  </si>
  <si>
    <t xml:space="preserve"> T07354N MultiPack for T10/T11/T20/T20E/T23/T30/TX100/TX110/TX200/TX210/TX209/officeTX300f/TX400/C79/C110/CX8300/CX5500 (T0731N/0732N/0733N/0734N+подарок бумага A6) Lomond</t>
  </si>
  <si>
    <t xml:space="preserve"> T0801 Bl Exen 13ml for EP P50/PX660/PX720/820</t>
  </si>
  <si>
    <t xml:space="preserve"> T0802 C Exen 13ml for EP P50/PX660/PX720/820</t>
  </si>
  <si>
    <t xml:space="preserve"> T0803 M Exen 13ml for EP P50/PX660/PX720/820</t>
  </si>
  <si>
    <t xml:space="preserve"> T0804 Y Exen 13ml  for EP P50/PX660/PX720/820</t>
  </si>
  <si>
    <t xml:space="preserve"> T0805 LC Exen 13ml  for P50/PX660/PX720/820</t>
  </si>
  <si>
    <t xml:space="preserve"> T0806 LM Exen 13ml  for P50/PX660/PX720/820</t>
  </si>
  <si>
    <t xml:space="preserve"> T08074A Multipack  for EP P50/PX660/PX720/820 Exen 6x12ml (T0801-806+подарок бумага A6) "NEW"</t>
  </si>
  <si>
    <t xml:space="preserve"> T0821Bl/ T0811bl Lomond for EpsSt R270/290/R390/RX590/610/690 L0202771</t>
  </si>
  <si>
    <t xml:space="preserve"> T0821N /T0811N Bl Profi for Epson T50 \TX700/TX800/R270/290/R390/RX590/610/690</t>
  </si>
  <si>
    <t xml:space="preserve"> T0822N /T0812N C Profi for Epson T50 \TX700/TX800/R270/290/R390/RX590/610/690</t>
  </si>
  <si>
    <t xml:space="preserve"> T0823N /T0813N M Profi for Epson T50 \TX700/TX800/R270/290/R390/RX590/610/690</t>
  </si>
  <si>
    <t xml:space="preserve"> T0824N /T0814N Y Profi for Epson T50 \TX700/TX800/R270/290/R390/RX590/610/690</t>
  </si>
  <si>
    <t xml:space="preserve"> T0825N /T0815N LC Profi for Epson T50 \TX700/TX800/R270/290/R390/RX590/610/690</t>
  </si>
  <si>
    <t xml:space="preserve"> T0826N /T0816N LM Profi for Epson T50 \TX700/TX800/R270/290/R390/RX590/610/690</t>
  </si>
  <si>
    <t xml:space="preserve"> T08274N MultiPack for T50\TX700/TX800/R270/290/R390/RX590/610/690 (6шт Т0821N-T0826N + подарок бумага A6) Lomond</t>
  </si>
  <si>
    <t xml:space="preserve"> T0921N Bk Profi 13ml  for Epson TX117/TX106/TX109/T26/T27/C91/CX4300</t>
  </si>
  <si>
    <t xml:space="preserve"> T0922N C Exen 13ml  for Epson TX117/TX106/TX109/T26/T27/C91/CX4300</t>
  </si>
  <si>
    <t xml:space="preserve"> T0923N M Exen 13ml  for Epson TX117/TX106/TX109/T26/T27/C91/CX4300</t>
  </si>
  <si>
    <t xml:space="preserve"> T0924N Y Exen 13ml   for Epson TX117/TX106/TX109/T26/T27/C91/CX4300</t>
  </si>
  <si>
    <t xml:space="preserve"> T09254A MultiPack for C91/CX4300 (T0921A/0922A/0923A/0924A+подарок бумага A6) Lomond</t>
  </si>
  <si>
    <t xml:space="preserve"> T09254N MultiPack for TX117/TX106/TX109/T26/C91/CX4300 (T0921N/0922N/0923N/0924N+подарок бумага A6) Lomond</t>
  </si>
  <si>
    <t xml:space="preserve"> T1281 Bl Profi 10ml forS22/SX125/SX420/SX425/BX305F</t>
  </si>
  <si>
    <t xml:space="preserve"> T1282 C Profi 7ml for S22/SX125/SX420/SX425/BX305F</t>
  </si>
  <si>
    <t xml:space="preserve"> T1283 M Profi 7ml for S22/SX125/SX420/SX425/BX305F</t>
  </si>
  <si>
    <t xml:space="preserve"> T1284 Y Profi 7ml for S22/SX125/SX420/SX425/BX305F</t>
  </si>
  <si>
    <t xml:space="preserve"> T1291 Bl 7ml Exen for ST SX420/425/525/620/ Office B42W/ BX305/ 320FW/ 525WD/ 625FWD</t>
  </si>
  <si>
    <t xml:space="preserve"> T1292 C 7ml  Exen for for ST SX420/425/525/620/ Office B42W/ BX305/ 320FW/ 525WD/ 625FWD</t>
  </si>
  <si>
    <t xml:space="preserve"> T1293 M 7ml   Exen for for ST SX420/425/525/620/ Office B42W/ BX305/ 320FW/ 525WD/ 625FWD</t>
  </si>
  <si>
    <t xml:space="preserve"> T1294 Y 7ml  Exen for for ST SX420/425/525/620/ Office B42W/ BX305/ 320FW/ 525WD/ 625FWD</t>
  </si>
  <si>
    <t xml:space="preserve"> T12954N (T1301-1304)  Multipack for Epson for for ST SX420/425/525/620/ Office B42W/ BX305/ 320FW/ 525WD/ 625FWD  (T1301-1304/ T1291-1294 + подарок фотобумага A6 )</t>
  </si>
  <si>
    <t xml:space="preserve"> T1331 Bl Exen for Epson NX430/ T12/ T25/ TX120/ NX130/ NX230/ WF320</t>
  </si>
  <si>
    <t xml:space="preserve"> T1332 C Exen for Epson NX430/ T12/ T25/ TX120/ NX130/ NX230/ WF320</t>
  </si>
  <si>
    <t xml:space="preserve"> T1333 M Exen for Epson NX430/ T12/ T25/ TX120/ NX130/ NX230/ WF320</t>
  </si>
  <si>
    <t xml:space="preserve"> T1334 Y Exen for Epson NX430/ T12/ T25/ TX120/ NX130/ NX230/ WF320</t>
  </si>
  <si>
    <t xml:space="preserve"> T1711xl Exen Bl 17ml for Epson XP-33, XP-103, XP-203, XP-207, XP-303, XP-306, XP-403, XP-406</t>
  </si>
  <si>
    <t xml:space="preserve"> T1712xl Exen C 13ml for Epson XP-33, XP-103, XP-203, XP-207, XP-303, XP-306, XP-403, XP-406</t>
  </si>
  <si>
    <t xml:space="preserve"> T1713xl Exen M 13ml for Epson XP-33, XP-103, XP-203, XP-207, XP-303, XP-306, XP-403, XP-406</t>
  </si>
  <si>
    <t xml:space="preserve"> T1714xl Exen Y 13ml for Epson XP-33, XP-103, XP-203, XP-207, XP-303, XP-306, XP-403, XP-406</t>
  </si>
  <si>
    <t xml:space="preserve"> T17164xl MultiPack for XP103/203/406 (1711-1714 +подарок бумага A6)</t>
  </si>
  <si>
    <t xml:space="preserve"> T5591 (E559Bk) for Epson Stylus Photo RX700  Black Lomond L0202781</t>
  </si>
  <si>
    <t xml:space="preserve"> T5592 Exen 15ml for Epson Stylus Photo RX700  Cyan</t>
  </si>
  <si>
    <t xml:space="preserve"> T5593 Exen 15ml for Epson Stylus Photo RX700  Magenta</t>
  </si>
  <si>
    <t xml:space="preserve"> T5595 Exen 15ml for Epson Stylus Photo RX700 Light Cyan</t>
  </si>
  <si>
    <t xml:space="preserve"> Lexmark black №16 (10N0016) Profi (for X75/1150/1140/1185/1110/Z13/23/Z33/25/35/513/515/603/605) (ERL-16)</t>
  </si>
  <si>
    <t xml:space="preserve"> Lexmark black №32 (18c0032) Exen (for X5470) (ERL-32)  №32 pigment 21ml</t>
  </si>
  <si>
    <t xml:space="preserve"> Lexmark black №34 (18c0034) Exen (for Z8x5/14x0/13x0/4120, X25x0/33x0/3530/4530/5070/52x0/5470/7170/7350/8350, P915/4350/6x50) 21ml</t>
  </si>
  <si>
    <t xml:space="preserve"> Lexmark black №70/№75 Exen (12A1970/1975) F2470/7000/7200/5000/5200/5700/5770/3200/Z11/Z31/Z42/51/52/82/Samsung SF3150/SF4500/SF4700/Msys4700/Msys4800/MJ4500/SCX1000series/KodakPM100/CompaqA900/A1000/A1500/c3-1000/IJ700/IJ750/IJ900/IJ1200  25ml</t>
  </si>
  <si>
    <t xml:space="preserve"> Lexmark color №19 (15M2619) for F4270 Exen dye color</t>
  </si>
  <si>
    <t xml:space="preserve"> Lexmark color №20 (15M0120/ 15MX120) Exen F4270/ Z42/Z43/Z51/Z52/Z53/X73/X83/SamsungFax SCX1000series/SCX1100/SCX1150/SF430/SF4700series DyeColor (ERL-0120)</t>
  </si>
  <si>
    <t xml:space="preserve"> Lexmark color №24A (18c1624/18c1524) Exen for X3530,X3550,X4530,X4550,Z1420</t>
  </si>
  <si>
    <t xml:space="preserve"> Lexmark color №33 (18c0033) Exen (for X5470) (ERL-33)  №33 Dye 16ml</t>
  </si>
  <si>
    <t xml:space="preserve"> Lexmark color №35 (18c0035) Exen (for Z8x5/14x0/13x0/4120, X25x0/33x0/3530/4530/5070/52x0/5470/7170/7350/8350, P915/4350/6x50) (ERL-35)  №35 Dye 18ml High Yield Print Cartridge</t>
  </si>
  <si>
    <t xml:space="preserve"> Lexmark color №80 (12A1980/85) Exen 7000/7200/5000/5200/5700/5770/3200/Z11/Z31Optra color40/45/Samsung SF4500/Msys4700/Msys4800/MJ4500/KodakPM100/CompaqA900/c3-1000/IJ700/IJ750/IJ900 распродажа</t>
  </si>
  <si>
    <t xml:space="preserve"> Lexmark №82 (18L0032) Exen Z55/Z65/Z65n, X5150/X6150/X6170 pigment black</t>
  </si>
  <si>
    <t xml:space="preserve"> Lexmark №83 (18L0042) Exen Z55/Z65/Z65n, X5150/X6150/X6170  High resolution color cartridge</t>
  </si>
  <si>
    <t xml:space="preserve"> Lexmark photo (12A1990) orig Z22/Z31/Z32/Z42/Z51/Z52/Z82/ 7000/7200/5000/5200/5700/5770/3200/Z22/Z31/Z32/Z42/51/52/82 Optra color40/45/ Samsung SF4500/SF4700/Msys4700/ Msys4800/MJ4500/ SCX1000series/ CompaqA900/A1000/A1500/c3-1000/IJ600/IJ700/IJ750/IJ900</t>
  </si>
  <si>
    <t xml:space="preserve"> Brother 6510 (85ml+3*60ml) for MFC-J6510DW/-J6910DW/-J5910DW/-J825DW/-J430W/-J6710DW/-J625DW/-J835DW/-J435W/-J280W/-J432W/-J425W DCP-J525W/-J725DW/-J925DW</t>
  </si>
  <si>
    <t xml:space="preserve"> Canon ДЗК BCI-24 ДЗК (without ink)(without chip) for IP 1000\ip1500\ip2000\mp110\ mp130\i475d\i455\i470d\i250\i320\i350\i450\s200\s200x\s300\s330</t>
  </si>
  <si>
    <t xml:space="preserve"> Canon ДЗК PFI-102 MBk*2,C,Y,Bk,M for IPF 750/ 755/ 650/ 605/ 720 without ink,  without chip 260ml (MBk - pigm, Bk-C-M-Y= Dye)</t>
  </si>
  <si>
    <t xml:space="preserve"> Canon ДЗК PGI-425/ CLI-426(Bl,C,M,Y)with chip без чернил for Pixma IP4840/4940/MG5140/MG5240/MG6140/MG8140</t>
  </si>
  <si>
    <t xml:space="preserve"> Canon ДЗК PGI-450/ CLI-451(BLPG,Bl,C,M,Y,Gy)with chip без чернил for Pixma MG 6340/ 7140/ 7540/ IP8740</t>
  </si>
  <si>
    <t xml:space="preserve"> Canon ДЗК( PGI-520BK,CLI-521Y/M/C/BK) for PIXMA ip3600/ip4600/ 4700/ MX-868 with chip(withoun ink)</t>
  </si>
  <si>
    <t xml:space="preserve"> Canon ДЗК(BCI-6Bk+3Bk+6C+6Y+6M)for Pixma IP4000/IP3000 (without ink) (without chip) 5 цветов</t>
  </si>
  <si>
    <t xml:space="preserve"> Canon ДЗК(PGI-5Bk+CLI-8Bk/C/Y/M) (Without ink) with chip  for Pixma IP4200\ 4300\ 4500\ 5200\ 5300\ 6600\ P530\ 600\ 610\ 800\ 810\ 830\ 950</t>
  </si>
  <si>
    <t xml:space="preserve"> HP ДЗК (с8721W/8771W-8775W)(without ink) for Photosmart D7300 series/D7345/D7355/D7360/D7368/ D7100 series/D7145/D7155/D7160/D7168 Ver.HP02</t>
  </si>
  <si>
    <t xml:space="preserve"> HP ДЗК (с8721Z(c8719Z)/8771Z-8775Z)(without ink) for HP Photosmart D6100 series/ D6160/ D6163/ D6168/ C7100 series/ C7150/ C7170/ C7177/ C7180/ C7183/ C7186/ C7188/ C7190/ C6100 series/ C6150/C6154/C6170/C6175/C6180/C6183/C6185/C6188 Ver.HP01/ 801</t>
  </si>
  <si>
    <t xml:space="preserve"> HP ДЗК c4844.4841.4842.4843 без чернил for HP Color Printer 2000 series/ 2500series/ DJ color PRO CAD/ GA series</t>
  </si>
  <si>
    <t xml:space="preserve"> HP ДЗК c4844/4836/4837/4838 (69ml+3*28ml)without ink for HP Design Jet 110+</t>
  </si>
  <si>
    <t xml:space="preserve"> HP ДЗК c4844/4911/4912/4913(without ink) XXL130ml for HP500/800 permanent chips (не показывает уровень)</t>
  </si>
  <si>
    <t xml:space="preserve"> HP ДЗК c4844/4911/4912/4913(without ink)4*69ml for HP500/800</t>
  </si>
  <si>
    <t xml:space="preserve"> HP ДЗК c565/4911/4912/4913 (4*69ml)without ink forDesignjet 500/510/800/810//820/815</t>
  </si>
  <si>
    <t xml:space="preserve"> HP ДЗК CN053-056 №932xl,933xl (58мл+3*18мл) чип\без чернил  for OfficeJet 	6100 (H611a) | 6100 ePrinter | 6600 (H711a, H711g) | 6600 e-AiO | 6700 (H711n) | 6700 Premium e-AiO | 7110 WF ePrinter | 7110 (H812a) | 7610 WF e-AiO\ 7612(!!показывает уровень)</t>
  </si>
  <si>
    <t xml:space="preserve"> HP ДЗК CN053-056 №932xl,933xl (58мл+3*18мл) чип\без чернил  for OfficeJet 	6100 (H611a) | 6100 ePrinter | 6600 (H711a, H711g) | 6600 e-AiO | 6700 (H711n) | 6700 Premium e-AiO | 7110 WF ePrinter | 7110 (H812a) | 7610 WF e-AiO\ 7612(не показывает уровень)</t>
  </si>
  <si>
    <t xml:space="preserve"> HP ДЗК №711 (CZ129/130/131/133)(70мл\20мл) for DJ T120/ T520 с чипом/ без чернил (заливать Bl-pigm, color-Dye)</t>
  </si>
  <si>
    <t xml:space="preserve"> HP ДЗК №72(C9370-9374+С9403) without ink for DJ T1100/Т1100ps/Т610/ T790  (130мл) (мат.блэк - пигмент, остальные вода)</t>
  </si>
  <si>
    <t xml:space="preserve"> HP ДЗК №84/№85 c5016\c9425\c9426\c9427\c9428\c9429 for plotter HP DesignJet 30\90\120\130 (6шт *69ml)</t>
  </si>
  <si>
    <t xml:space="preserve"> HP ДЗК №88 (C9385-9388) without Ink for OfficeJet Pro L7480/L7580/L7680/L7780/K5400/K550\k8600 (c9396/c9391-9393) (4 пустых картриджа по 28ml)</t>
  </si>
  <si>
    <t xml:space="preserve"> HP ДЗК №940(C4906-4909) 62ml\28ml with chip without ink for  OJ Pro 8000/8500 (показывает уровень чернил)</t>
  </si>
  <si>
    <t xml:space="preserve"> HP ДЗК №950XL/951XL(cn045-cn048) with chip без чернил for OJ8100/ 8600/8610/8620\8680\8615\8625 (пигмент во всех картриджах) (70мл+3*20мл)(не показывает уровень чернил)</t>
  </si>
  <si>
    <t xml:space="preserve"> HP ДЗК №950XL/951XL(cn045-cn048) with chip без чернил for OJ8100/ 8600/8610/8620\8680\8615\8625 (пигмент во всех картриджах) (80мл+3*30мл)(!!показывает уровень чернил)</t>
  </si>
  <si>
    <t xml:space="preserve"> HP ДЗК universal (Bk+PhBk+C+Y+M) №178/№364/№564/№920 LWO without chip,without ink for B010b/B109/B110/ B8553/C5383/C6383/D5460/c5380/c6375/c6380/d7560/b109/c209/c309/ Photosmart B8550/ D5463 | D5468/ OfficeJet 6000 | 6500 | 6500a | 7000 | 7500 | 7500a</t>
  </si>
  <si>
    <t xml:space="preserve"> ДЗК T0321-0324 for Epson c80/c81/c82/R2100/R2200/c70/c82/cx5100/cx5200/cx5300/cx5400</t>
  </si>
  <si>
    <t xml:space="preserve"> ДЗК T0341-348 for Epson Stylus  Photo 2100/2200/c70/c82/cx5100/cx5200/cx5300/cx5400/c80/c81/c82</t>
  </si>
  <si>
    <t xml:space="preserve"> ДЗК T0431-0434\ T0441-0444 for Epson c84\C64/C66/C84/C86/CX6400/CX6600 without ink</t>
  </si>
  <si>
    <t xml:space="preserve"> ДЗК T0481-486  for Epson R200/220/320/340 (without ink) with chip</t>
  </si>
  <si>
    <t xml:space="preserve"> ДЗК T0591-0599 for Epson R2400/1800 (T0540-0549)</t>
  </si>
  <si>
    <t xml:space="preserve"> ДЗК T0631-0634 XF for  Epson stylus c67/C87/c88/CX3700/CX4100/CX4700/CX5700/CX7700 (without ink) with chip</t>
  </si>
  <si>
    <t xml:space="preserve"> ДЗК T0731N-731N-1032-1034 V6.0 without ink (5 картриджей) for Epson T1100/TX510FN/TX550W/TX600FW (не показывает уровень чернил)</t>
  </si>
  <si>
    <t xml:space="preserve"> ДЗК T0731N-734N V6.0 for Epson T10/TX400/TX300/TX600/C79/90/92/905/4900/6900/39005900/5600/5505/4905/5500/8300/7300/7310/9300/T30/T33/T23/TX102/TX103/TX105/TX203/CX3905/CX5501/CX5510</t>
  </si>
  <si>
    <t xml:space="preserve"> ДЗК T0731NR (1шт.картридж) V6.0 сбрасываемый</t>
  </si>
  <si>
    <t xml:space="preserve"> ДЗК T0761-764 for Epson c58/c59/cx2900/me2/me200</t>
  </si>
  <si>
    <t xml:space="preserve"> ДЗК T0791-0796 without ink for ST Ph 1400\1500w\P50\PX650\PX660\PX700W\PX710FW\PX720WD (не показывает уровень)</t>
  </si>
  <si>
    <t xml:space="preserve"> ДЗК T0801-0806  without ink for EP P50/ PX660/PX720/820</t>
  </si>
  <si>
    <t xml:space="preserve"> ДЗК T0821N-826N V.6.3 for T50/ TX-700/TX800FW/RX 295/ RX590/ R270/R290/RX690/ ST 1410 without ink раздельные</t>
  </si>
  <si>
    <t xml:space="preserve"> ДЗК T0921N-924N V6.0 for Epson TX117/TX106/TX109/T26/T27/C91/CX4300  (without ink)</t>
  </si>
  <si>
    <t xml:space="preserve"> ДЗК T0961-969(пигм.чернила) for St Ph R2880 L0212508</t>
  </si>
  <si>
    <t xml:space="preserve"> ДЗК T1281-1284  V6.2 for Epson S22/SX125/sx130/SX420/SX425/BX305F/sx230/sx235/sx430/sx435/sx440/sx445 без чернил</t>
  </si>
  <si>
    <t xml:space="preserve"> ДЗК T1291-1294 without ink for St SX525WD/620FW/BX525WD/925FWD/935WD (заливать 4*pigm)</t>
  </si>
  <si>
    <t xml:space="preserve"> ДЗК T1331-1334 (T1241-1244) for NX430/ TX420/ TX430/ TX235/ TX320 c чипами (без чернил)</t>
  </si>
  <si>
    <t xml:space="preserve"> ДЗК T1590-1594/1597-1599 for R2000 (without ink) with chip</t>
  </si>
  <si>
    <t xml:space="preserve"> ДЗК T1711-1714 for Eps XP-103/ XP-203/207/303/306/403/406</t>
  </si>
  <si>
    <t xml:space="preserve"> ДЗК t1711-1714 for xp-323 new vers/withchip/ out ink /XP-103/ XP-203/207/303/306/403/406</t>
  </si>
  <si>
    <t xml:space="preserve"> ДЗК T2601, T2611-2614  without ink(с чип)for XP-600 | XP-605 | XP-700 | XP-800</t>
  </si>
  <si>
    <t xml:space="preserve"> ДЗК T2611-2614 for Epson Epson XP-610 c чипом / без чернил</t>
  </si>
  <si>
    <t xml:space="preserve"> ДЗК T2701-2704(T2711-2714)with chip for WF3620/3640/710/620/3620DWF/7110DTW/7620DTWF/WF 7610/3640 DTWF(вставлять ДЗК после инициализации оригинальными картриджами)</t>
  </si>
  <si>
    <t xml:space="preserve"> ДЗК T55704 for Epson Picture Mate500</t>
  </si>
  <si>
    <t xml:space="preserve"> ДЗК T5801-T5809 for plotter ST Pro 3880 with chip (without ink)(9 картриджей по 80мл) для работы требуются оригинальные чипы с ресурсом не менее 30%</t>
  </si>
  <si>
    <t xml:space="preserve"> ДЗК T6031-T6039 for plotter ST Pro 9880\ 7880 with chip (without ink) (8 картриджей по 350мл) (требуется ресеттер 388)</t>
  </si>
  <si>
    <t xml:space="preserve"> ДЗК T6141-6144,6148 with chip for ST PRO 4450\ 4400  без чернил (емкость 220мл)</t>
  </si>
  <si>
    <t xml:space="preserve"> ДЗК T6361-6369 (9цв=PK,C,VM,Y, LC,LVM,LK,MK,LLK) without ink for for PRO 7700 | PRO 7890 | PRO 7900 | PRO 9700 | PRO 9890 | PRO 9900 | PRO WT7900 с чипом, без чернил (чипы обнуляется программатором)</t>
  </si>
  <si>
    <t xml:space="preserve"> ДЗК T6941-6945 (PhBl,C,M,Y,MBl)без чернил for SC-T3000/ 3200/SC-T5000/5200 | SC-T7000/7200 (700мл*5шт) one time chips</t>
  </si>
  <si>
    <t xml:space="preserve"> ДЗК T7901-T7904(T7891-7894) for EPSON PRO WF-5620DWF\5690DWF\5110DW\5190DW\WF-4640\WF-4630</t>
  </si>
  <si>
    <t xml:space="preserve"> ДЗК картридж T612800 MB for plotter ST Pro 9880\7880/7450/9450 with chip (without ink) (1 картридж для матовых чернил) (требуется ресеттер 388)</t>
  </si>
  <si>
    <t xml:space="preserve"> ДЗК Т5431-T5437 (110ml) for plotter Epson  PRO 7600\ 9600\ 4000 with chip without ink (7 картриджей)</t>
  </si>
  <si>
    <t xml:space="preserve"> ДЗК Т5971-5974, Т5978 700ml (5цв) ( T6361-6364,T6368 ) without ink for for PRO 7700/7710/  PRO 9700/9710 с чипом, без чернил (чипы обнуляется программатором)</t>
  </si>
  <si>
    <t xml:space="preserve"> ДЗК Т6171-Т6174 for Eps B310/b510/B300/B500 с чипом без чернил (300мл) (нужен ориг.чип)</t>
  </si>
  <si>
    <t>Вал</t>
  </si>
  <si>
    <t xml:space="preserve"> Brother DR6000 селеновый for HL-1030/1230/1240/1250/1270N/1440/1450/1470N; HL-P2500; MFC-9650/9750/9870/9880; FAX-5750/8350P/8360P/8750P</t>
  </si>
  <si>
    <t xml:space="preserve"> Canon FC/PC  Магнитный вал magnetic roller</t>
  </si>
  <si>
    <t xml:space="preserve"> Canon FC-230 магнитный вал 1 кат.  For FC-330/E-16/E-30 magnetic roller</t>
  </si>
  <si>
    <t xml:space="preserve"> Canon FC-3/5 тефлоновый распродажа</t>
  </si>
  <si>
    <t xml:space="preserve"> Canon IR-1018/1020/1022 селеновый</t>
  </si>
  <si>
    <t xml:space="preserve"> Canon iR-1600/2000/2010/1610\155\165 селеновый original color</t>
  </si>
  <si>
    <t xml:space="preserve"> Canon IR-2016/ 2018/2020/2022/2025/2030  селеновый TW (for EXV14)</t>
  </si>
  <si>
    <t xml:space="preserve"> HP 1010 селен.Green for 1012/1015/1018/1020/1022/3015/3020/3030  (Q2612)/ Canon FX-10/ 703  селеновый AlphaChem Korea</t>
  </si>
  <si>
    <t xml:space="preserve"> HP 1025/M175 color селеновый</t>
  </si>
  <si>
    <t xml:space="preserve"> HP 1100 резин.вал for 3200/LBP-800/810 Japan silicon RF5-2823/ /RF5-3242 lower sleeved roller</t>
  </si>
  <si>
    <t xml:space="preserve"> HP 1100 селен Green for 6L/3100/3150/3200/FX-3/  AX/ Canon 810/800/320/460/EP-22</t>
  </si>
  <si>
    <t xml:space="preserve"> HP 1100 селен.orig. color (мин.1кор=50шт)for HP5L/6L/3100/3150/3200/FX-3  AX  селеновый  for Canon 810/800/320/460/EP-22  AlphaChem Korea</t>
  </si>
  <si>
    <t xml:space="preserve"> HP 1160 селен.Green for /1320/P2015\2014  (Q5949/7553)</t>
  </si>
  <si>
    <t xml:space="preserve"> HP 1160/1320 резин.вал RC1-3630 for 3390/P2015/P2014/LBP -3300 low pressure roller</t>
  </si>
  <si>
    <t xml:space="preserve"> HP 1200 резин.вал for HP 1000/1300/1150 lower sleeved roller Japan RF0-1002</t>
  </si>
  <si>
    <t xml:space="preserve"> HP 1200 селен.Green 1000/1150/1300/3300/LBP 3200(EP-27) (c7115,c4115,Q2613)  селеновый for Canon LBP 1210/LBP 25X AlphaChem Korea</t>
  </si>
  <si>
    <t xml:space="preserve"> HP 1200/1100/1300 магнитн.NEW  magnetic roller For HP 1100\ 1150\1300\ 5L\ ЕР-27\ ЕР-22</t>
  </si>
  <si>
    <t xml:space="preserve"> HP 1200/1100/1300 магнитн.вал 1 кат. For HP 1100\ 1150\1300\ 5L\ ЕР-27\ ЕР-22 magnetic roller</t>
  </si>
  <si>
    <t xml:space="preserve"> HP 2015/1320 магн.NEW for  1160/1320/P2015 (Beta) magnetic rolle</t>
  </si>
  <si>
    <t xml:space="preserve"> HP 2015/1320 магнитн.вал 1 кат.  magnetic roller for HP q5949a/q7553a/Canon 708/ 1160/3390/3392/P2014/ P2015/ P2015D / P2015DN / P2015N / P2015X/ M2727/  i-SENSYS LBP3300/LBP3360</t>
  </si>
  <si>
    <t xml:space="preserve"> HP 2035/2055 магн.NEW  magnetic roller</t>
  </si>
  <si>
    <t xml:space="preserve"> HP 2035/2055 резиновый (press roller) for HP 2050/2030/  Pro400 M401/M425 (RC1-3685)</t>
  </si>
  <si>
    <t xml:space="preserve"> HP 2100/2200/2220/ Canon M-cartidge/ LBP 470/1000 (EP-32)  (с4096a)  селеновый ALP HP21</t>
  </si>
  <si>
    <t xml:space="preserve"> HP 2200 резиновый (low pressure roller) RB2-6368-000</t>
  </si>
  <si>
    <t xml:space="preserve"> HP 2300 селен.orig.color (Q2610A)</t>
  </si>
  <si>
    <t xml:space="preserve"> HP 2400 селен.Green for 2420/2410/2430/P3005 (q6511a)</t>
  </si>
  <si>
    <t xml:space="preserve"> HP 2P/3P (LX)  резиновый Katun распродажа</t>
  </si>
  <si>
    <t xml:space="preserve"> HP 3005 (Q7551) магн.вал 1кат.for M3035 magnetic roller MR</t>
  </si>
  <si>
    <t xml:space="preserve"> HP 3015 селен.orig.color (CE255A) for 3010/3011 с хвостовиком TW</t>
  </si>
  <si>
    <t xml:space="preserve"> HP 3015/3010 (CE255A) резиновый вал</t>
  </si>
  <si>
    <t xml:space="preserve"> HP 4/4+/5/5se/5n   (c92298) селеновый  (ALP EX) for Canon LBP-EX/ZX/450/860/1260 (EP-E)</t>
  </si>
  <si>
    <t xml:space="preserve"> HP 4014 (CC364A) селеновый for P4014/4015\4515/M4555/M601/M602/M603</t>
  </si>
  <si>
    <t xml:space="preserve"> HP 4250/4350 (q5942) магн.NEW 1кат.for HP 4300\4200/4250/4350(Q1338A/Q1339A/Q5942A/Q5942X/Q5945A) magnetic roller MR</t>
  </si>
  <si>
    <t xml:space="preserve"> HP 4V (c3900) EP-B селеновый (ALP BX) for Canon LBP-BX/A309GH (EP-B) распродажа</t>
  </si>
  <si>
    <t xml:space="preserve"> HP 5000/5100  (c4129)  селеновый (TW) for Canon LBP 62X/840/850 (EP-62) (ДС420/ N24/32/40)</t>
  </si>
  <si>
    <t xml:space="preserve"> HP 5200 (Q7516A) магн.вал 1кат. magnetic roller MR</t>
  </si>
  <si>
    <t xml:space="preserve"> HP 5200 (q7516a) селен.original color</t>
  </si>
  <si>
    <t xml:space="preserve"> HP 5L/6L резиновый Japan silicon распродажа</t>
  </si>
  <si>
    <t xml:space="preserve"> HP 5P/6P (c3903) селеновый ALP VX for Canon LBP VX/430 (EP-V)</t>
  </si>
  <si>
    <t xml:space="preserve"> HP 5P/6P резиновый распродажа</t>
  </si>
  <si>
    <t xml:space="preserve"> HP 8100/8150 (c4182) селеновый original color for Canon LBP 72X/950/3260 (EP-72) (DC420/N24/32/40)</t>
  </si>
  <si>
    <t xml:space="preserve"> HP 8100/8150 (RB2-3522)резиновый вал low pressure roller</t>
  </si>
  <si>
    <t xml:space="preserve"> HP 8100/8150 Тефлоновый вал (Upper fuser roller) RB2-3521вал нагрева/ верхний вал</t>
  </si>
  <si>
    <t xml:space="preserve"> HP 8100/8150/ LBP3260  Transfer roller RF9-1394/RF5-2675/RG9-1361 вал переноса заряда (коротрон)</t>
  </si>
  <si>
    <t xml:space="preserve"> HP 9000 series (c8543a) селеновый ALP HP 90</t>
  </si>
  <si>
    <t xml:space="preserve"> HP color 1215 (cb540-543, cc530-533) селеновый for HP 1215/1510/1515/1518/2025/cm1312/2320/ canon lbp5050/7200c orig.color  AlphaChem Korea</t>
  </si>
  <si>
    <t xml:space="preserve"> HP color 2600 селеновый MK  Mitsubishi</t>
  </si>
  <si>
    <t xml:space="preserve"> HP color 4500/4550 (c4191/4192/4193/4194)  селеновый mitsubshi</t>
  </si>
  <si>
    <t xml:space="preserve"> HP color 4600/4650 селен.orig.color (с9720/с9721/с9722/с9723)</t>
  </si>
  <si>
    <t xml:space="preserve"> HP color 5500 селен.Green (c9730a) for Canon LBP 2710/2810 (EP-86)</t>
  </si>
  <si>
    <t xml:space="preserve"> HP P1005 магнитн.NEW for 1006/1505/М1120/М15221005/1505 Магнитный вал MR</t>
  </si>
  <si>
    <t xml:space="preserve"> HP P1005 резин.вал for HP 1006/1505/М1120/М1522 low pressure roller Canon LBP-3010/3018/3050/3100/3108/3150/MF4410/4430/4450/4550/4570 rc2-1183</t>
  </si>
  <si>
    <t xml:space="preserve"> HP P1005 селен.Green (CB435A/CB436A/CC388A/ce278/ce285/ Canon712/ 912) for P1505/M1522N/1522NF/1120/LBP3010/3020/3100/ P1560/P1606dn/ Canon 728/ i-SENSYS MF4410/MF4430/MF4450 /MF4550D/MF4570DN/MF/ HP P1102/P1102W/1132  AlphaChem Korea</t>
  </si>
  <si>
    <t xml:space="preserve"> LEXMARK E-460/260/360 korea селеновый</t>
  </si>
  <si>
    <t xml:space="preserve"> Lexmark Optra R / IBM 4019 селеновый распродажа</t>
  </si>
  <si>
    <t xml:space="preserve"> Minolta EP2120/-21/-30/-31/2150/-53  тефлоновый распродажа</t>
  </si>
  <si>
    <t xml:space="preserve"> Mita DC-1560/1850/1860/2360   селеновый распродажа</t>
  </si>
  <si>
    <t xml:space="preserve"> Panasonic KX-MB1500/MB1520/MB1530 (KX-FAT400A/410) Green</t>
  </si>
  <si>
    <t xml:space="preserve"> магнитный MBR for KX-FAD93\ KX-FA412</t>
  </si>
  <si>
    <t xml:space="preserve"> Ricoh FT 3113/3213/3313/3413, type 310, Барабан FT3113F Fuji</t>
  </si>
  <si>
    <t xml:space="preserve"> Ricoh FT-4215/4415/4427/4460/4418/5233/5733/ Nash 3322 селеновый COPC 4 A0699510 распродажа</t>
  </si>
  <si>
    <t xml:space="preserve"> Ricoh M100/ FT-2010/2050/2070  резиновый</t>
  </si>
  <si>
    <t xml:space="preserve"> Ricoh M100/ FT-2050/2070  тефлоновый</t>
  </si>
  <si>
    <t xml:space="preserve"> Samsung 2850(MLT-105) селен.Green  for ML1910/1915/1916/2525/2580/2850/2855/SCX4600/4605/4610/4623/4824(D209)/4828/2580/CF650/RX ph 3140/3155/3160/3250/WC3210/wc3220</t>
  </si>
  <si>
    <t xml:space="preserve"> Samsung ML 1210 селен.Green for ML1430/4500/ Lexmark E210  AlphaChem Korea</t>
  </si>
  <si>
    <t xml:space="preserve"> Samsung ML 1450 селен.TW for ML1440/1650/6040/6060/6080/6085/6090/M1605/Xerox P 1210</t>
  </si>
  <si>
    <t xml:space="preserve"> Samsung ML 2150 селен.TW for ML2100/2151/2152/2550/2551Ph 3420/3450</t>
  </si>
  <si>
    <t xml:space="preserve"> Samsung ML 2250 селен.TW for ML4520/4720/RX Ph 3150/ WC PE120/120i/Dell 1600n</t>
  </si>
  <si>
    <t xml:space="preserve"> Samsung ML 4050/3560 селен.TW for ML- 3561/3562/ML4550/ML4551N/ Phaser 3500</t>
  </si>
  <si>
    <t xml:space="preserve"> Samsung ML 7300 селен.TW for ML7000/7050 (ALP ML7030)</t>
  </si>
  <si>
    <t xml:space="preserve"> Samsung MLT-103S селен.Green for ML-2950 .2955, SCX-4727 .4728 .4729</t>
  </si>
  <si>
    <t xml:space="preserve"> Samsung MLT-104 селен.Green for ML 1630/1660/1661/1665/1666/SCX-3200/3205/3217/4500</t>
  </si>
  <si>
    <t xml:space="preserve"> Samsung MLT-108 селен.Green  for ML1610/1615/1640//2010/2015/2240/SCX-4725/4521F/Dell 1100/RX Ph 3117/3122/3200/ PE 220</t>
  </si>
  <si>
    <t xml:space="preserve"> Samsung MLT-D101 селен.Green for ML-2160 / 2162 / 2165 / 2167 / 2168, SCX-3400 / 3405 / 3407</t>
  </si>
  <si>
    <t xml:space="preserve"> Samsung SCX-5112 селен.TW for 5312F/5115/5315F/ Xerox WC PRO 412</t>
  </si>
  <si>
    <t xml:space="preserve"> Sharp Z20/25  резиновый распродажа</t>
  </si>
  <si>
    <t xml:space="preserve"> Sharp Z30/RX 5220 тефлоновый( NROLT0885FCZZ) распродажа</t>
  </si>
  <si>
    <t xml:space="preserve"> Sharp Z-30/RX 5220/5222 селеновый (020E18410) распродажа</t>
  </si>
  <si>
    <t xml:space="preserve"> Sharp Z50/5009/5310  резиновый распродажа lower roller NROLI0519FC22/ NROLI0519FCZ1</t>
  </si>
  <si>
    <t xml:space="preserve"> Sharp Z-50/52/55/57/70/77/85/2010/ SF-6000/6100// RX 5009/5310 селеновый  распродажа</t>
  </si>
  <si>
    <t xml:space="preserve"> Sharp Z810 Резиновый вал for  820/ 820/ XC-811/ 822/ 830 1966 [NROLR1124FCZZ/22E20700] ( NROLR1124FCZZ/22E20700</t>
  </si>
  <si>
    <t xml:space="preserve"> Toshiba 2060/2860/2870/2030/3560 (od-2060)  селеновый fuji распродажа</t>
  </si>
  <si>
    <t xml:space="preserve"> Toshiba 3110  селеновый распродажа</t>
  </si>
  <si>
    <t xml:space="preserve"> 001R00307 for RX 5017/5317/332/340/425/432/440/5016/5316 (оригинальный селеновый вал) (40K)  распродажа</t>
  </si>
  <si>
    <t xml:space="preserve"> 013R00047 photoreceptor for RX 5014/5012 селеновый вал</t>
  </si>
  <si>
    <t xml:space="preserve"> 022K20701 RX 5328/5334/5830  fuser roll /нагревательный вал/ тефлоновый распродажа</t>
  </si>
  <si>
    <t xml:space="preserve"> 022K49630/ 022K49650 RX 5328/5334/ 5034 /5830   pressure roll /резиновый вал/ распродажа</t>
  </si>
  <si>
    <t xml:space="preserve"> 022K61260/ 603L61260 Вал резиновый  DC 220/230/420 распродажа</t>
  </si>
  <si>
    <t xml:space="preserve"> 022Е20643 Нагревательный вал DC 220/230/420 распродажа</t>
  </si>
  <si>
    <t xml:space="preserve"> 22K36343 вал (ролик переноса в сборе) DC440/220</t>
  </si>
  <si>
    <t xml:space="preserve"> RX 5009/5310/ Z50  тефлоновый распродажа</t>
  </si>
  <si>
    <t xml:space="preserve"> RX N 24/32/40/ DC420/DC440/432/425/340/332/DC220/230/4525\1145\4324\4332\LP 9600 селеновый (ALP  N24)</t>
  </si>
  <si>
    <t xml:space="preserve"> RX P8e/P8ex/Samsung ML-5000A/Lexmark Optra E310 Тефлоновый вал (черный) распродажа</t>
  </si>
  <si>
    <t xml:space="preserve"> RX Ph 3635 селен.Green (108r00796) for Samsung ML3050/3470/SCX5330/5635/5835/Phaser 3428/3300/3435/3635/ wc 3550</t>
  </si>
  <si>
    <t xml:space="preserve"> RX wc3100 селеновый Green for PHASER 3100/OKI MB260/Ricoh SP1000 Корея [2800187]</t>
  </si>
  <si>
    <t>Ракель</t>
  </si>
  <si>
    <t xml:space="preserve"> Canon  IR 1600/2016 ракель</t>
  </si>
  <si>
    <t xml:space="preserve"> Canon 1215/6317/2020  фетровый вал</t>
  </si>
  <si>
    <t xml:space="preserve"> Canon FC-230 DB NEW for FC-330/e-16/</t>
  </si>
  <si>
    <t xml:space="preserve"> Canon FC-230 WB 1кат. For FC-330/ e-16/HP 4L/4P/ HP 5P/6P ракель</t>
  </si>
  <si>
    <t xml:space="preserve"> Canon FC-230 WB NEW for FC-330/e-16/ HP 4L/4P/ HP 5P/6P ракель</t>
  </si>
  <si>
    <t xml:space="preserve"> HP 4+ б/у 1кат.</t>
  </si>
  <si>
    <t xml:space="preserve"> HP 4000/4100/4050/2100/2200/2300/4500/2500/1500/Canon LBP-52X/1760/Canon LBPO-32X wiper blade б/у 1кат.</t>
  </si>
  <si>
    <t xml:space="preserve"> HP 4200/4250/4350 doctor blade Дозирующее лезвие</t>
  </si>
  <si>
    <t xml:space="preserve"> HP 4300\4200/4250/4350 doctor blade 1кат.for Q1338A/Q1339A/Q5942A/Q5942X/Q5945A</t>
  </si>
  <si>
    <t xml:space="preserve"> HP 4V б/у 1кат. For HP4MV/BX/,Canon EP-B/BX,QMS860/1660,Xante8100/8200 wiper blade</t>
  </si>
  <si>
    <t xml:space="preserve"> HP 5200 (Q7516) wiper blade 1кат.</t>
  </si>
  <si>
    <t xml:space="preserve"> HP 5L/6L doctor blade 1кат. for HP1100/3100/3150/FX-3</t>
  </si>
  <si>
    <t xml:space="preserve"> HP 5si/8000 б/у 1 кат. Wiper blade</t>
  </si>
  <si>
    <t xml:space="preserve"> HP 5si/8000 распродажа wiper blade</t>
  </si>
  <si>
    <t xml:space="preserve"> HP 8100/5Si/8000/8150 doctor blade</t>
  </si>
  <si>
    <t xml:space="preserve"> HP DB 1005 NEW for HP1006/1008/1007/ P1505/M1522N/1522NF/1120 (CB435A/CC388A/CB436A)</t>
  </si>
  <si>
    <t xml:space="preserve"> HP DB 1010 1кат. for HP1012/1015/1200/1150/1300/Canon FX-10/EP-27Дозирующее лезвие</t>
  </si>
  <si>
    <t xml:space="preserve"> HP DB 1010 NEW  for HP1012/1015/1200/1150/1160/13201300/2015/Canon FX-10/EP-27Дозирующее лезвие</t>
  </si>
  <si>
    <t xml:space="preserve"> HP DB 2600  Gapping Strip SC</t>
  </si>
  <si>
    <t xml:space="preserve"> HP DB 5000 New for HP 8100/9000/5100CLJ 8500</t>
  </si>
  <si>
    <t xml:space="preserve"> HP DB P3005(Q7551) 1кат.for M3035/mfp/M3027mfp</t>
  </si>
  <si>
    <t xml:space="preserve"> HP WB 1005 NEW  for HP1006/1008/1007/ P1505/M1522N/1522NF/1120 (CB435A/CC388A/CB436A)</t>
  </si>
  <si>
    <t xml:space="preserve"> HP WB 1010 NEW  for HP/1012/1015/Canon FX-10 wiper blade</t>
  </si>
  <si>
    <t xml:space="preserve"> HP WB 1320 1кат. For 1200/1160/1300/2015/1000/1100/3100/1000/1150/5L/6L/EP-27/fx-3</t>
  </si>
  <si>
    <t xml:space="preserve"> HP WB 1320 New for 1200/1160/1300/2015/1000/1100/3100/1000/1150/5L/6L/EP-27/fx-3</t>
  </si>
  <si>
    <t xml:space="preserve"> HP WB 2400 New for HP 2410/2420</t>
  </si>
  <si>
    <t xml:space="preserve"> HP WB 5000 NEW for HP 8100/8150/8500/9000/5100Canon LBP-62X,EP-62,LBP-72X wiper blade</t>
  </si>
  <si>
    <t xml:space="preserve"> HP WB P3005(Q7551) 1кат.for M3035/mfp/M3027mfp</t>
  </si>
  <si>
    <t xml:space="preserve"> Samsung ML-1210 blade for ML-1010/1020/1220/1430/4500</t>
  </si>
  <si>
    <t xml:space="preserve"> Samsung ML-1710 blade for ML-1510/ SCX-4100/ /RX 3120/Pe16/114</t>
  </si>
  <si>
    <t xml:space="preserve"> Toshiba 1210/2810   drum cleaning blade  пр-во Integral распродажа</t>
  </si>
  <si>
    <t xml:space="preserve"> 033K90450  RX 5316/5017/5317  CLEANER BLADE распродажа</t>
  </si>
  <si>
    <t xml:space="preserve"> 600K42790 RX 5328/5824/5826  чистящая лента CC Repair Kit</t>
  </si>
  <si>
    <t>Термопленка</t>
  </si>
  <si>
    <t xml:space="preserve"> Canon FC-2/ NP 6012/6112/PC740/770 распродажа</t>
  </si>
  <si>
    <t xml:space="preserve"> Canon FC-210/230/NP-6512/PC-860/PC-890  (краснодар) распродажа</t>
  </si>
  <si>
    <t xml:space="preserve"> HP 1010/1000/1200/1300/1150/1320 серая/желт.подложка+смазка RG5-1493 for HP 1005/1012/1015/1020/1022/1050/1160/1220/3015/3020/3030/3050/3300/3330/Canon 1210/2900    (233mm) grade C  FuserFilm</t>
  </si>
  <si>
    <t xml:space="preserve"> HP 1100/3200/LBP-800/810 оригинал  RG5-4589 (230mm) FuserFilm</t>
  </si>
  <si>
    <t xml:space="preserve"> HP 2100/4000 black (RG5-4134/RG5-4132/RG266) black  FuserFilm OEM</t>
  </si>
  <si>
    <t xml:space="preserve"> HP 2200\2300\2400\2410\2420/1500\2500\P3005 Grey RG5-5560 FuserFilm (240mm)</t>
  </si>
  <si>
    <t xml:space="preserve"> HP 4000/4050/2100 grey (RG5-2661/RG5-4132/RG5-4134) FuserFilm OEM</t>
  </si>
  <si>
    <t xml:space="preserve"> HP 4200 RM1-0013 (239mm) Grey  FuserFilm</t>
  </si>
  <si>
    <t xml:space="preserve"> HP 4250/4350/4300 Brown1 RL1-0024 FuserFilm (метализированная)</t>
  </si>
  <si>
    <t xml:space="preserve"> HP 5L/6L/4L/5P/6p/3100/3150 (краснодар)</t>
  </si>
  <si>
    <t xml:space="preserve"> HP 5L/6L/4L/5P/6p/3100/3150 Балтика (серая/желтая)</t>
  </si>
  <si>
    <t xml:space="preserve"> HP 5L/6L/4L/5P/6p/3100/3150 ориг</t>
  </si>
  <si>
    <t xml:space="preserve"> HP P1505\1522 Original FuserFilm for M1120/M1522 метализированная</t>
  </si>
  <si>
    <t xml:space="preserve"> HP P4014/4015/4515/M601/602/603 hard (cc364/ ce390)</t>
  </si>
  <si>
    <t xml:space="preserve"> Panasonic KX-FA 52A(30м)EasyP (за 1шт)for kx-fp205/207/218/228/258/FG2451/ kx-fc 268/278/258/228</t>
  </si>
  <si>
    <t xml:space="preserve"> Panasonic KX-FA 54E/93/57E (за 1 шт)  for kx-fp141/142/143/145/146/147/148/kx-fc241/243/245/248/392</t>
  </si>
  <si>
    <t xml:space="preserve"> Panasonic KX-FA134/133X  (за 1 шт.) 1100/1000/1050/1150/1200/1006/929/1020</t>
  </si>
  <si>
    <t xml:space="preserve"> Panasonic KX-FA136A (за 1 шт.)(70m) Exen  M210/215/220/260/280/P200/205/250/258/270/278/MC230/ F105/121/969/1010/1015/1016/1110/ UF 315YC</t>
  </si>
  <si>
    <t xml:space="preserve"> Panasonic KX-FA55A/53A  (за 1шт)  for KX-FP 80/81/82/85/86/88/89/90/91/95/151/152/153/155/156/158/161/165/166/168/175/176/178/185/195/131</t>
  </si>
  <si>
    <t xml:space="preserve"> Panasonic KX-FA55A/53A(70м) Exen (за 1 шт) w/gear&amp;flange for KX-FP 80/81/82/85/86/88/89/90/91/95/131/153/158/195 white box (E-PA55RF)</t>
  </si>
  <si>
    <t xml:space="preserve"> Panasonic KX-FA67/94 (120m)Exen (за 1 шт) w/gear&amp;flange,white box (E-PA94RF)</t>
  </si>
  <si>
    <t xml:space="preserve"> Panasonic KX-FA67E (120м) for kx-fb422</t>
  </si>
  <si>
    <t xml:space="preserve"> Panasonic univers 35m KX-FA 54E/92/57E/93/67/94E Exen (за 1 шт) box (E-PA54RF) for kx-fp80/81/82/85/86/153/158/141/142/143/145/146/147/148/343/363/701/702/703/kx-fc195/241/243/245/248/FPG376/377/378/379/381/391/392FB421/422/423/HD332/333/351/352/353</t>
  </si>
  <si>
    <t xml:space="preserve"> Panasonic univers 70m KX-FA57/93/67/94 Exen (за 1 штуку) w/gear&amp;flange,white box (E-PA93RF) KX-FP80/81/82/85/86/153/158/343/363/701/702/703FB421/422/423HD332/333/351/352/353/FM90/FC195</t>
  </si>
  <si>
    <t xml:space="preserve"> для факса Sharp UX-10CR/FO-16CR (FO-1450/1460/1650/1850/F-1500MUX-1100/UX-1150M) 1шт.*200м распродажа</t>
  </si>
  <si>
    <t xml:space="preserve"> для факса Sharp UX-15CR (UX-510/UX-600M/UX-1100/UX-1150M) РАСПРОДАЖА</t>
  </si>
  <si>
    <t>Термоэлемент</t>
  </si>
  <si>
    <t xml:space="preserve"> Canon FC-2  110V распродажа</t>
  </si>
  <si>
    <t xml:space="preserve"> Canon PC-210  115V  (термоблок без термопленки) распродажа FG5-4810 FIXING UPPER ASSY-Узел закрепления верхняя часть  for FC-210/ 220/ 230/ PC-300/ 320/ 325</t>
  </si>
  <si>
    <t xml:space="preserve"> HP 1010/1012 термоблок в сборе (RM1-0661)</t>
  </si>
  <si>
    <t xml:space="preserve"> HP 1100/3200/ LBP-800/ 810/ 1120 (термоблок в сборе)  220в без т/пленки (RG5-4590-040/ RG5-7278-000) узел закрепления распродажа</t>
  </si>
  <si>
    <t xml:space="preserve"> HP 1160/1320 (RM1-1461-000/RM1-2337-000) Печка в сборе (о)</t>
  </si>
  <si>
    <t xml:space="preserve"> HP 1200 (термоблок в сборе) RG9-1494/ RG0-1027 / RG0-1026 распродажа</t>
  </si>
  <si>
    <t xml:space="preserve"> HP 2100 Термоблок RG5-4133  распродажа</t>
  </si>
  <si>
    <t xml:space="preserve"> HP 4L/4P   термоблок в сборе  б/у распродажа</t>
  </si>
  <si>
    <t xml:space="preserve"> HP 5L (RG5-1965-020) /6L  (RG5-3463-000) (термоблок в сборе без т/пл)  220в распродажа</t>
  </si>
  <si>
    <t xml:space="preserve"> HP 5P  + датчик  220в распродажа</t>
  </si>
  <si>
    <t xml:space="preserve"> HP 5p/6p термоблок в сборе (RG5-2801-110/ RG5-4111) распродажа</t>
  </si>
  <si>
    <t xml:space="preserve"> НР 3005 термоэлемент</t>
  </si>
  <si>
    <t xml:space="preserve"> 109R00334 RX  DC460/470/DC255/265  блок фьюзера (fuser)  (250k)</t>
  </si>
  <si>
    <t xml:space="preserve"> 109R00634 RX DC 35/45/535/555/545/ блок фьюзера</t>
  </si>
  <si>
    <t xml:space="preserve"> 126K08711/126K08712 RX DC420/ DC 212/ DC 220/ DC 230 фьюзер распродажа</t>
  </si>
  <si>
    <t>Лампа экспонирования</t>
  </si>
  <si>
    <t xml:space="preserve"> HP 4V  нагревания 220v распродажа</t>
  </si>
  <si>
    <t xml:space="preserve"> 122E00081 (122E00082) RX 5328/5334/5028/5830 распродажа</t>
  </si>
  <si>
    <t xml:space="preserve"> 122Е90520 RX5317/5316/5815/vivace 250 Лампа экспонирования (Sea 220V) exposure lamp распродажа</t>
  </si>
  <si>
    <t>Головка печатающая</t>
  </si>
  <si>
    <t xml:space="preserve"> QY6-0070-000000 Печатающая головка PIXMA iP3300/ 3500/IP4940/ MP510, MP520</t>
  </si>
  <si>
    <t xml:space="preserve"> Epson  DFX  8000 head (головка в сборе+ремень) б/у</t>
  </si>
  <si>
    <t xml:space="preserve"> Epson FX 2190/890  #1275824 HEAD KIT ASP(1267348/ 1275824)</t>
  </si>
  <si>
    <t xml:space="preserve"> Epson St Ph 790 F083030 for 890/1290  Печатающая головка</t>
  </si>
  <si>
    <t xml:space="preserve"> Epson St Pro XL black   F044011 распродажа</t>
  </si>
  <si>
    <t xml:space="preserve"> Epson Stylus color II black  F046040 распродажа</t>
  </si>
  <si>
    <t>Шлейф головки</t>
  </si>
  <si>
    <t xml:space="preserve"> Epson LX 1000/1050+ #2001654 (совместим с  Epson FX 1000 #F3320014030) распродажа</t>
  </si>
  <si>
    <t xml:space="preserve"> Star NX 1500 распродажа</t>
  </si>
  <si>
    <t>Зип КМА (шестерни)</t>
  </si>
  <si>
    <t xml:space="preserve"> Canon 1215 шестерня  привода резинового ремня</t>
  </si>
  <si>
    <t xml:space="preserve"> Canon 1215 шестерня  промежут.редуктора печки  23T FS2-0894-020</t>
  </si>
  <si>
    <t xml:space="preserve"> Canon 1215 шестерня редуктора  малая печки</t>
  </si>
  <si>
    <t xml:space="preserve"> Canon 2016 подшипник резинового вала (бушинг) FU5-1519-000 за 1шт.</t>
  </si>
  <si>
    <t xml:space="preserve"> Canon 2016 подшипник резинового вала (бушинг) FU5-1520-000 за 1шт.</t>
  </si>
  <si>
    <t xml:space="preserve"> HP 5000 двойная шестеренка</t>
  </si>
  <si>
    <t xml:space="preserve"> HP 5000 шестерня двигателя (белая)</t>
  </si>
  <si>
    <t xml:space="preserve"> HP 5L/6L редуктора и привода (комплект) RY7-5005-000)</t>
  </si>
  <si>
    <t xml:space="preserve"> 007E11352 RX 5009/ 5310 (ngerh0401fcz1) шестерня фьюзера(термоблока) распродажа</t>
  </si>
  <si>
    <t xml:space="preserve"> 007E14961 RX 5220/1045/822/Sharp Z-30/810/840/ AL1600  #ngerh0540fcz3  шестерня тефлонового(фьюзера) вала распродажа</t>
  </si>
  <si>
    <t xml:space="preserve"> 007E16061/ 007E19741   RX5334/5328 шестерня фьюзера</t>
  </si>
  <si>
    <t xml:space="preserve"> 007E24620  RX 5310/ Z-50/SF-6100 #ngerh0454  шестерня редуктора большая (20/59T) распродажа</t>
  </si>
  <si>
    <t xml:space="preserve"> 007E91370 шестерня подачи PADDLE GEAR (распродажа)</t>
  </si>
  <si>
    <t xml:space="preserve"> 007E91420 Шестерня мешалки (бункера)  XEROX 5331 GEAR-AGIT(распродажа)</t>
  </si>
  <si>
    <t xml:space="preserve"> 007E91581 Шестерня шнека XEROX 5331/32 AUGER GEAR(распродажа)</t>
  </si>
  <si>
    <t xml:space="preserve"> 007E94890 Шестерня магнитного вала XEROX 5317 GEAR MAG 23H (распродажа)</t>
  </si>
  <si>
    <t xml:space="preserve"> 007K00412 Шестеренка XEROX 2520 (gear sprocket) распродажа</t>
  </si>
  <si>
    <t xml:space="preserve"> 007K90270 RX 5025  шестерня селенового вала распродажа</t>
  </si>
  <si>
    <t xml:space="preserve"> 007P61761 RX 5025  шестерня блока проявки распродажа</t>
  </si>
  <si>
    <t xml:space="preserve"> 121K84520 Муфта инвертера (clutch Inv)  N24/DC420 (распродажа)</t>
  </si>
  <si>
    <t xml:space="preserve"> 600K03773 RX 2510/2515/2520/2950 комплект шестерен фьюзера  (fuser gear repl.Kit) распродажа</t>
  </si>
  <si>
    <t xml:space="preserve"> RX 5009/5310/SHARP Z-50/52/SF2010/7800/7850/7350/2116  Gear 16T (ngerh 0382 fczz) привод стола   распродажа</t>
  </si>
  <si>
    <t>Комплектующие</t>
  </si>
  <si>
    <t xml:space="preserve">  Запорная лента Canon E-16/ HP 4L/HP4P/HP5P/HP6P/RXp8e (Silver RiteSeal China)</t>
  </si>
  <si>
    <t xml:space="preserve"> Canon 1215  Пальцы отделения резинового  вала (за шт.)   нижние FA2-9037</t>
  </si>
  <si>
    <t xml:space="preserve"> Canon 1215 фетровая прокладка девелопера  FA5-1769-000 seal form</t>
  </si>
  <si>
    <t xml:space="preserve"> Canon 5570 ролик подачи из лотка FB2-7777 for NP-6050/ 6045/ 6545/ iR-5000/ 6000/ 2200/ 2800/ 3300/ 8500/85/85+/7200/ 8070/ 5570/ 6570/ 5570N/ 6570N/ iR-C3200 Series/ GP-605/ 605V/ 600</t>
  </si>
  <si>
    <t xml:space="preserve"> Canon BC 20 клипса для сопел картриджа Clip</t>
  </si>
  <si>
    <t xml:space="preserve"> Canon BC02/05/06/ BX-2/ BX-3 клипса для сопел картриджа Clip</t>
  </si>
  <si>
    <t xml:space="preserve"> Canon EP-27 end plate-contact side боковина</t>
  </si>
  <si>
    <t xml:space="preserve"> Canon EP-27 gear housing end plate боковина</t>
  </si>
  <si>
    <t xml:space="preserve"> Canon IR 5000 Ролик захвата бумаги (FF5-9779/ FB5-3435) for  iR5000/6000/5570</t>
  </si>
  <si>
    <t xml:space="preserve"> Canon IR1600/2600 pick-up roller ( FE5-4199 /RB1-8957/RB1-8865/FB4-9817 )for for 2000/ LBP-1760/PC-860/880/890/NP-651 2/6612 / 7161/7160/GP-160/iR-1200/1300 /iR-/Smart Base PC -1210/1230/1270F/1310/1330/137 0F/ HP 4000/4050/4100/5000/5100/4500/ 4550</t>
  </si>
  <si>
    <t xml:space="preserve"> Canon NP 6260 pick-up roller  (FF5-1221/ FF5-7829) for NP-6030/6031/6022/6025/6330/ 6035/6230/6545/iR-105/105+/9070/2200/2800/3300/5000/6000/5000i/6000i/5570/6570/5570N/ 6570N/8500/7200/8070/C3200Series/GP-605/605V ролик захвата из лотка</t>
  </si>
  <si>
    <t xml:space="preserve"> Canon NP 6260 pick-up roller (FF5-1220/ FF5-7829) for NP-6030/6031/6022/6025/6330/ 6035/6230/6545/iR-105/105+/9070/2200/2800/3300/5000/6000/5000i/6000i/5570/6570/5570N/ 6570N/8500/7200/8070/C3200Series/GP-605/605V ролик захвата из лотка</t>
  </si>
  <si>
    <t xml:space="preserve"> Canon T (drum shuter) (крышка вала)</t>
  </si>
  <si>
    <t xml:space="preserve"> FF6-1621-000 ролик отделения бумаги for Canon IR 1605/ HP 5000/HP5100/LBP-P480/ iR-1600/ir-2000/ir-1605/ir-2016 (RF5-2634/ FF6-1621) Roller feed\ олик подачи из лотка 500листов</t>
  </si>
  <si>
    <t xml:space="preserve"> PCR Canon E16/30 коронатор NEW</t>
  </si>
  <si>
    <t xml:space="preserve"> Epson LQ/FX-2180 /2170 High CapacityУст-во автоподачи бумаги / C12C806732</t>
  </si>
  <si>
    <t xml:space="preserve"> Epson LX 300 /датчик входа бумаги/ Detector PE #2013199</t>
  </si>
  <si>
    <t xml:space="preserve"> Epson LX 300 /узел перемотки/ распродажа (ремкомплект шестерен)</t>
  </si>
  <si>
    <t xml:space="preserve"> Epson stylus color 400 гл.плата электроники</t>
  </si>
  <si>
    <t xml:space="preserve"> Epson TX800 двигатель автоподатчика 1532707 (HOLDER, DRIVE ASSY,;IEI;D[1525093])</t>
  </si>
  <si>
    <t xml:space="preserve">  Запорн.лента HP 1100 алюминиевая for 5L/6L/1100/1320/2015/fx-3/RX2125</t>
  </si>
  <si>
    <t xml:space="preserve">  Запорн.лента HP 1160/2015/1320 пластиковая for HP 5L/6L/1100/1320/2015/fx-3/RX2125</t>
  </si>
  <si>
    <t xml:space="preserve">  Запорн.лента HP 2100/4000/2420/2410/2430/2300/4350/4250</t>
  </si>
  <si>
    <t xml:space="preserve">  Запорн.лента HP 4/4+ China</t>
  </si>
  <si>
    <t xml:space="preserve">  Запорн.лента HP 4200/4300</t>
  </si>
  <si>
    <t xml:space="preserve">  Запорн.лента HP 4V/xerox N24/420/432</t>
  </si>
  <si>
    <t xml:space="preserve">  Запорн.лента HP 5000/8000/5SI/8100/8150</t>
  </si>
  <si>
    <t xml:space="preserve">  Запорн.лента HP 5200/5000  (Q7516A)</t>
  </si>
  <si>
    <t xml:space="preserve">  Запорн.лента HP color 1500/2500/2550/4600</t>
  </si>
  <si>
    <t xml:space="preserve">  Запорн.лента HP color 2600/1600/2605/Canon LBP-5000 PN: HP26RISEAL</t>
  </si>
  <si>
    <t xml:space="preserve">  Запорн.лента HP color 3500/3700/3550 PN: HP37ADHSEAL</t>
  </si>
  <si>
    <t xml:space="preserve">  Запорн.лента HP color 4500/4550/Canon LBP-460/LBP-2040/2050 PN: HP45ADHSEAL</t>
  </si>
  <si>
    <t xml:space="preserve">  Запорн.лента HP color 5500/5550/Canon C3500/ LBP-2710/2810/ LBP-5700/5800 PN: HP55ADHSEAL</t>
  </si>
  <si>
    <t xml:space="preserve">  Запорн.лента HP P4014\4015\4515 (CC364A) for P4015n/P4015x/P4515n/P4515x\ 4510</t>
  </si>
  <si>
    <t xml:space="preserve"> Airbag HP 4100 (q8061) q-bag type Trasparent (прозрачный) 800mm/15 отсеков</t>
  </si>
  <si>
    <t xml:space="preserve"> Airbag-Q size HP 1010/1100/1200 (C7115/Q2613/Q5949/Q7553) end cup type Trasparent (прозрачный)39*24/7 отсеков для HP 1320/1160/5L/2100/2200/2300/2600 Samsung 1710/1210</t>
  </si>
  <si>
    <t xml:space="preserve"> Airbag-Q size HP 285\278 end cup прозрачные (за 2 штуки)</t>
  </si>
  <si>
    <t xml:space="preserve"> Airbag-S size  HP 4200 (q1338) EndCup type (за пару) Trasparent (прозрачный) 400мм/ 12 отсеков for HP 5500/ 5200</t>
  </si>
  <si>
    <t xml:space="preserve"> Airbag-W size HP 5200 (Q7516) EndCaptype (за пару) Trasparent (прозрачный) (500mm\ 11 отсеков) (for N24/32/40)</t>
  </si>
  <si>
    <t xml:space="preserve"> HP  2400/ 2420/ 2430/ LJ P3005/ M3027 / M3035 ROLLER, FACE-DOWN Ролик захвата из ручной подачи (лоток 1) RL1-0568</t>
  </si>
  <si>
    <t xml:space="preserve"> HP  P3005 / M3027 / M3035 / P3015 Pick up roller assembly Pick up roller assembly RM1-3763/RM1-6313</t>
  </si>
  <si>
    <t xml:space="preserve"> HP 1010 (RC1-2050) ролик подачи (захвата)бумаги</t>
  </si>
  <si>
    <t xml:space="preserve"> HP 1010/1012/1015/1020  площадка подачи бумаги  (тормозная площадка )RC1-2038/часть RM1-0648)</t>
  </si>
  <si>
    <t xml:space="preserve"> HP 1100 (C4092A) End Plate-Contact Side (переделка HP5L в HP 1100)</t>
  </si>
  <si>
    <t xml:space="preserve"> HP 1100 (C4092A) Gear Housing End Plate  (переделка HP5L в HP 1100)</t>
  </si>
  <si>
    <t xml:space="preserve"> HP 1100 площадка подачи бумаги  (тормозная площадка) RF5-2886/ RF5-2832  for 3200/ LBP-800/ 810/ LBP-1120</t>
  </si>
  <si>
    <t xml:space="preserve"> HP 1200 площадка подачи бумаги  (тормозная площадка) RF0-1014 for  1220/ 1000W/ 1005/ 1150/ 1300/ 3300/ 33XX/ LBP-1210</t>
  </si>
  <si>
    <t xml:space="preserve"> HP 1200 ролик подачи(захвата)  бумаги (RF0-1008-000 / RL1-0303-000) for HP 1000/1005/1150/1200/1300/3300/ LBP-1210 pickup roller</t>
  </si>
  <si>
    <t xml:space="preserve"> HP 1200/1300/3300 Ролики вых. и протяжки бум ( roller replacement kit)  (комплект) с9937-68001 распродажа</t>
  </si>
  <si>
    <t xml:space="preserve"> HP 1220 C2693-67036 плата картриджа   распродажа</t>
  </si>
  <si>
    <t xml:space="preserve"> HP 131/134/135/136/130/21/22/6656/6657/6658/8727/8728/PG-40/CL-40/CL-41/CL-38/PG-37  универсальная клипса для сопел картриджа</t>
  </si>
  <si>
    <t xml:space="preserve"> HP 1320/1160 бункер отработки тонера в сборе (5949)</t>
  </si>
  <si>
    <t xml:space="preserve"> HP 2100/1320 ролик захвата с ручного (нижнего) лотка RB2-2891-000CN</t>
  </si>
  <si>
    <t xml:space="preserve"> HP 2100/2200/ LBP1000 торм.площадка обходн.лотка RB2-2835/ RB2-6348/RF5-3272</t>
  </si>
  <si>
    <t xml:space="preserve"> HP 2400 торм.площадка RC1-0939/ RL1-0418 Торм.накладка из ручн.подачи 2300/2410/2420/2430/3500/3550/3700/ P3005/ M3027/ M3035</t>
  </si>
  <si>
    <t xml:space="preserve"> HP 4000/4050/4100/CLJ 4600/4650/5500/5550 ролик ручной подачи RG5-3718/RG9-1529 pickup roller</t>
  </si>
  <si>
    <t xml:space="preserve"> HP 4L блок лазера RG5-0662  распродажа</t>
  </si>
  <si>
    <t xml:space="preserve"> HP 4L ролик захвата нижн.лотка RB1-3029/RB1-3368/RB1-6332</t>
  </si>
  <si>
    <t xml:space="preserve"> HP 4v/4MV formatter board RH6-3367 (c3143-60001/ c3141-60001) распродажа (logic board)</t>
  </si>
  <si>
    <t xml:space="preserve"> HP 4v/4mv H.V.POWER SUPPLY PCB ASSEMBLY | Высоковольтный блок питания RG5-2044 распродажа</t>
  </si>
  <si>
    <t xml:space="preserve"> HP 4v/4mv RH7-1199 Мотор 24B (главн.двигатель)</t>
  </si>
  <si>
    <t xml:space="preserve"> HP 4v/4mv блок лазера (laser scaner assembly ) c3141-69012</t>
  </si>
  <si>
    <t xml:space="preserve"> HP 4v/4mv Блок питания power supply RH3-2174 распродажа</t>
  </si>
  <si>
    <t xml:space="preserve"> HP 5100/Canon 2016 (FF6-1621) ролик отделения бумаги for HP 5000/ HP5100/LBP-P480/ iR-1600/ir-2000/ir-1605/ir-2016(RF5-2634/ FF6-1621) Roller feed /Ролик подачи из лотка 500листов</t>
  </si>
  <si>
    <t xml:space="preserve"> HP 51626/51629/51633/6614/51625/51649 клипса для сопел картриджа cartridge clip</t>
  </si>
  <si>
    <t xml:space="preserve"> HP 5L Блок сканера (лазер) for 6L/3100/3150/LBP 460/FAX L-60/FAX-L250 (RG5-3494/RG5-2000/RG5-2004/RG9 -1281/RG5-3497) распродажа</t>
  </si>
  <si>
    <t xml:space="preserve"> HP 5l/ Canon 2016 (FL2-3202) ролик подачи бумаги for Canon 2016/HP 5L/6L  RB2-1634-000 / RB2-6223-000/ HF5-0547-000 ролик подачи(захвата)  бумаги</t>
  </si>
  <si>
    <t xml:space="preserve"> HP 5L/6L RF5-1492 (часть сборки RY7-5077)</t>
  </si>
  <si>
    <t xml:space="preserve"> HP 5L/6L RG5-3485/RG5-1942 узел подачи бумаги в сборе for /6L/3100/3150/L-60/FAX-L250/ L-200/L-280 распродажа</t>
  </si>
  <si>
    <t xml:space="preserve"> HP 5L/6L/3100  узел ролика подачи бумаги  в сборе pick-up  RG5-1951-030/RG5-3486-040 распродажа</t>
  </si>
  <si>
    <t xml:space="preserve"> HP 5L/6L/3100 RB1-7206 держ.тормозн.площадки (часть сборки RY7-5077)</t>
  </si>
  <si>
    <t xml:space="preserve"> HP 5L/6L/3100/3150/MP L-60/FAX-L250/L200/280   площадка подачи бумаги  (тормозная площадка) RB2-6221-000\ RY7-5008/RB1-7181/ RY7-5077</t>
  </si>
  <si>
    <t xml:space="preserve"> HP 5L/6L/3100/3200/1100 RS5-2502 пружина (часть сборки RY7-5077)</t>
  </si>
  <si>
    <t xml:space="preserve"> HP 5Si/8000/8100/8150/CP660/COLOR 8500i/ Canon IR-3570  R6F5-1834-000/ RF5-1426-000/ RF5-1426/ FC6-7083 Ролик подачи из лотка</t>
  </si>
  <si>
    <t xml:space="preserve"> HP 600 clutch</t>
  </si>
  <si>
    <t xml:space="preserve"> HP 6625/51641/1823/6578 клипса для сопел картриджа Ink Agitator</t>
  </si>
  <si>
    <t xml:space="preserve"> HP 8100/8150 Pick up roller-mp tray RB1-9526-000</t>
  </si>
  <si>
    <t xml:space="preserve"> HP 8100/8150/8000/8500 RF5-2708 ролик захвата из лотка (Pick Up)</t>
  </si>
  <si>
    <t xml:space="preserve"> HP 820 CXI ролик подачи бумаги малый за 1 шт.</t>
  </si>
  <si>
    <t xml:space="preserve"> HP 820 CXI тормозная площадка</t>
  </si>
  <si>
    <t xml:space="preserve"> HP 8500 c3983-60101 FORMATTER ASSEMBLY в сборе + память 96мб распродажа</t>
  </si>
  <si>
    <t xml:space="preserve"> HP 8500 Cartridge drum drive motor - Мотор привода драм картриджа RH7-1328 распродажа</t>
  </si>
  <si>
    <t xml:space="preserve"> HP 8500 DC Controller PCB ASSY(плата управления напряжением) RG5-3037/C3983-69010  распродажа</t>
  </si>
  <si>
    <t xml:space="preserve"> HP 8500 H.V. CONVERTER 1 (RH3-0211) распроадажа</t>
  </si>
  <si>
    <t xml:space="preserve"> HP 8500 H.V. CONVERTER 2 (RH3-0228) распроадажа</t>
  </si>
  <si>
    <t xml:space="preserve"> HP 8500 H.V. CONVERTER 3 (RH3-0234) распродажа</t>
  </si>
  <si>
    <t xml:space="preserve"> HP 8500 блок питания/power supply RH3-2187 распродажа</t>
  </si>
  <si>
    <t xml:space="preserve"> HP 8500/ 8550/ CP660  Блок сканера (лазер) RG5-3936-000 / C3983-69007 распродажа</t>
  </si>
  <si>
    <t xml:space="preserve"> HP 8500/8550/CP 660 stepping motor RH7-1325 распродажа</t>
  </si>
  <si>
    <t xml:space="preserve"> PCR 1кат.for HP 1200/1100/1010/1300/5L/5P/4L/1150/1160/1320/3100/2015/fx-10/ep-27 коронатор (б/у) (ролик переноса заряда)</t>
  </si>
  <si>
    <t xml:space="preserve"> PCR 1кат.for HP 2300/4000/4100/4200/4300/4350/4250/4500/2100/2200/2410/2420/2430/3005 коронатор (б/у)(ролик переноса заряда)</t>
  </si>
  <si>
    <t xml:space="preserve"> PCR 1кат.for HP 4+/4 коронатор (б/у) (ролик переноса заряда)</t>
  </si>
  <si>
    <t xml:space="preserve"> PCR 1кат.for HP 4V/4MV коронатор (б/у) (ролик переноса заряда)</t>
  </si>
  <si>
    <t xml:space="preserve"> PCR 1кат.for HP 5200 (Q7516A) коронатор (ролик переноса заряда)</t>
  </si>
  <si>
    <t xml:space="preserve"> PCR 1кат.for HP 5si/8000 коронатор (б/у) (ролик переноса заряда)</t>
  </si>
  <si>
    <t xml:space="preserve"> PCR 1кат.for(278/728/285/CB435A/CC388A/CB436A) P1005/1006/1008 / P1505/M1522N/1522NF/1120  (б/у)</t>
  </si>
  <si>
    <t xml:space="preserve"> PCR new for(278/728/285/CB435A/CC388A/CB436A) P1005/1006/1008 / P1505/M1522N/1522NF/1120/P1102/P1566 (CB435A/CC388A/CB436A/285/278)</t>
  </si>
  <si>
    <t xml:space="preserve"> PCR new for(HP CE505A, CE505X, Q7553A, Canon 719) p2035/2055</t>
  </si>
  <si>
    <t xml:space="preserve"> PCR new p4014/4015/p4515/p3015 ( HP СС364A, CC364X)</t>
  </si>
  <si>
    <t xml:space="preserve"> RF5-0041-020-CN for HP 4SI ролик подачи (захвата) бумаги</t>
  </si>
  <si>
    <t xml:space="preserve"> RL1-0019 for HP LJ 4200/4250/4300/4350 Ролик захвата ручной (обходной лоток)</t>
  </si>
  <si>
    <t xml:space="preserve"> бункер отработки TK-710</t>
  </si>
  <si>
    <t xml:space="preserve"> Lomond Home PhotoLab for HP+Lexmark (программа для печати цифровых фотографий на струйном принтере)</t>
  </si>
  <si>
    <t xml:space="preserve"> battery for ups 7,0Ah*12V SVC  (151*65*98)</t>
  </si>
  <si>
    <t xml:space="preserve"> cable isolator 104.214</t>
  </si>
  <si>
    <t xml:space="preserve"> for HP 51645 приспособление для заправки вакуумных картриджей. Совместим с HP51640/ 6615</t>
  </si>
  <si>
    <t xml:space="preserve"> for HP 6578 приспособление для заправки HP51641/ 1823/ 6625/ Lexm 17g0050/ 17g0060/ 12a1970/ 12a1980/ 15m0120/ 15m0640/ 13400hc/ 13619hc</t>
  </si>
  <si>
    <t xml:space="preserve"> Выключатель компьютерный 2-х контактный</t>
  </si>
  <si>
    <t xml:space="preserve"> корпус прозрачный для термоконтроллера  AL5010F</t>
  </si>
  <si>
    <t xml:space="preserve"> пласт.пружины 06 мм белые за 100 шт #4028193</t>
  </si>
  <si>
    <t xml:space="preserve"> пласт.пружины 06 мм белые за 1шт из кода #4028193</t>
  </si>
  <si>
    <t xml:space="preserve"> пласт.пружины 06 мм черные за 1шт из кода #4028173</t>
  </si>
  <si>
    <t xml:space="preserve"> пласт.пружины 12 мм синие за 100 шт #4028237</t>
  </si>
  <si>
    <t xml:space="preserve"> термоклей для термопистолета 12мм*300мм прозрачный за штуку</t>
  </si>
  <si>
    <t xml:space="preserve"> Тефлоновая ткань (0,014м*1м) з/ч для вакууматора</t>
  </si>
  <si>
    <t xml:space="preserve"> уплотнитель вакууматора Sinbo</t>
  </si>
  <si>
    <t xml:space="preserve"> чип-предохранитель для восстановления картриджей 0,063-0,15а</t>
  </si>
  <si>
    <t xml:space="preserve"> C22CC-66 - плата управления шредера KGBC22CC (PC Board)</t>
  </si>
  <si>
    <t xml:space="preserve"> JC72-00124A торм.площадка for Samsung ML 1210/1250/1430/4500/5100/4100 Phaser 3110/ 32104835</t>
  </si>
  <si>
    <t xml:space="preserve"> Sharp SF 2214/RX 5310/5009/5309 ролик ручной подачи лотка NROLR1051FCZZ</t>
  </si>
  <si>
    <t xml:space="preserve"> Sharp Z 20/ RX 351/355  ролик подачи бумаги #nrolp0648fczz</t>
  </si>
  <si>
    <t xml:space="preserve"> Toshiba filter-U-121 /озоновый фильтр/  пр-во Toshiba  1340/1360 распродажа</t>
  </si>
  <si>
    <t xml:space="preserve"> 005E05134 SPLIT COLLAR FR (распродажа)</t>
  </si>
  <si>
    <t xml:space="preserve"> 005E91360 RX 5316/5317/5815  муфта ручн.подачи (paddle clutch) распродажа</t>
  </si>
  <si>
    <t xml:space="preserve"> 005E91370 RX 5316/5317/5815 муфта подачи из лотка (paddle clutch) распродажа</t>
  </si>
  <si>
    <t xml:space="preserve"> 005K02801 RX 5321/5328/5334/5824/5826/5828/5830/5028 web material (паутинка) распродажа</t>
  </si>
  <si>
    <t xml:space="preserve"> 007E11260 RX 5009/5310/5220/XC-520/6016  пальцы отделения бумаги фьюзера / тефлонового вала (Heat Roller Striper Fingers)распродажа</t>
  </si>
  <si>
    <t xml:space="preserve"> 007E47400 RX 1045/822 пальцы фьюзерного барабана (pawl separator)распродажа</t>
  </si>
  <si>
    <t xml:space="preserve"> 008R07636 RX 5830/5328/5334/5824/5826/5828 stapler (8шт скрепок в компл) цена за 1 шт. распродажа</t>
  </si>
  <si>
    <t xml:space="preserve"> 008R12896 for RX WC Pro 5632/5638/5645/5655/5665/5675 бункер отработанного тонера</t>
  </si>
  <si>
    <t xml:space="preserve"> 019K02805 RX 5334/5328 тормозная площадка 2-го лотка распродажа</t>
  </si>
  <si>
    <t xml:space="preserve"> 019K04760/JC97-01132A/12G0062 Тормозная площадка (подачи бумаги) XeroxDocu Print P8e/P8ex/Samsung ML-5000A/Lexmark Optra E310\312</t>
  </si>
  <si>
    <t xml:space="preserve"> 019K05960 RX 5328/5334/5830 пальцы отделения прижимного вала / нижнего/резинового (stripper finger) за 1 штуку распродажа</t>
  </si>
  <si>
    <t xml:space="preserve"> 022K11092 Ролик подачи лотка XEROX 5328/5334 распродажа</t>
  </si>
  <si>
    <t xml:space="preserve"> 022k60222 комплект роликов подачи (часть от 675K21760/673K34423/108R00150) for WCP 420/415/ DC 420/480/ 490/.255/.265</t>
  </si>
  <si>
    <t xml:space="preserve"> 022K82981(022K82980)  RX 5316/5317/5815/5017/5616/5621  ролик подачи в сборе (осн.лотка) распродажа</t>
  </si>
  <si>
    <t xml:space="preserve"> 022К92860 5331/5332/5030 ролик подталкивающий (Nudger Roller)распродажа</t>
  </si>
  <si>
    <t xml:space="preserve"> 023E17880 Ремень тормозной RX 5328/5334/5830 (распродажа)</t>
  </si>
  <si>
    <t xml:space="preserve"> 054K01941 RX 5815 узел регистрации бумаги распродажа</t>
  </si>
  <si>
    <t xml:space="preserve"> 054K13320 chute lowen ass распродажа</t>
  </si>
  <si>
    <t xml:space="preserve"> 054K94313 RX 5316  направляющая распродажа</t>
  </si>
  <si>
    <t xml:space="preserve"> 054К88530 Пальцы отделения DC 220/230/420 распродажа</t>
  </si>
  <si>
    <t xml:space="preserve"> 059E91692/059E92491 DC460/425/440/420/220 Ролик подхватывающий  Separation Roller  (распродажа)</t>
  </si>
  <si>
    <t xml:space="preserve"> 060K01340 RX 5815/5616/5621 резервуар/бункер для сбора тонера (отстойник) распродажа</t>
  </si>
  <si>
    <t xml:space="preserve"> 060K90021 RX 5026/5331/5332 резервуар/бункер для сбора тонера (отстойник) распродажа</t>
  </si>
  <si>
    <t xml:space="preserve"> 108K90071 Предохран. перегрева XEROX 5316/5317 Lamp Thermostat распродажа</t>
  </si>
  <si>
    <t xml:space="preserve"> 109R00487 RX N24/N32/N40/N3225/N4025 рем.комплект фьюзера (Maintenance Kit) распродажа</t>
  </si>
  <si>
    <t xml:space="preserve"> 127k42701 TRANSPORT MOTOR FOR XEROX WC C45</t>
  </si>
  <si>
    <t xml:space="preserve"> 130e00200 RX 5328 термодатчик (термистор) Thermal sensor (распродажа)</t>
  </si>
  <si>
    <t xml:space="preserve"> 130K86280 DC 420  Sensor Assy(распродажа)</t>
  </si>
  <si>
    <t xml:space="preserve"> 130K92461 RX5815/5017/5317/5316/5616/5621 датчик(прямой флажок)</t>
  </si>
  <si>
    <t xml:space="preserve"> 130Р60760 RX 1025 термодатчик распродажа</t>
  </si>
  <si>
    <t xml:space="preserve"> 140K83750/ 600К33090 RX 5316/5317 набор восст.селенового вала (предохранители) распродажа (140k03750)</t>
  </si>
  <si>
    <t xml:space="preserve"> 140S50203 блок высоковольтный RX5815  распродажа</t>
  </si>
  <si>
    <t xml:space="preserve"> 160K17660 Плата датчика в сборе XEROX DC 220/420 PWBA-SENSOR (распродажа)</t>
  </si>
  <si>
    <t xml:space="preserve"> 160K44324 Плата печатная главная XEROX 5815</t>
  </si>
  <si>
    <t xml:space="preserve"> 22R92770 Pinch Roller Assembly for RX 5026/5030  распродажа</t>
  </si>
  <si>
    <t xml:space="preserve"> 30K92940 lower exit pinch rol распродажа</t>
  </si>
  <si>
    <t xml:space="preserve"> 33K90440 Нож дозировки XEROX 5017/5317 meter blade</t>
  </si>
  <si>
    <t xml:space="preserve"> 600K65022 RX 5343  ролик для  1-4 лотка из компл. (за 1шт.) распродажа</t>
  </si>
  <si>
    <t xml:space="preserve"> 600К82300 RX DC420/440/425/220/230/460/470/480/490/ N24/N32/N40 Комплект роликов захвата бумаги 3шт.</t>
  </si>
  <si>
    <t xml:space="preserve"> 673K34423 RX 460/470 ролик подачи из лотка for WCP 420/ DC 480/ 490/.255/.265 (675k21760/ 108R00150) распродажа</t>
  </si>
  <si>
    <t xml:space="preserve"> 68K79434 FRM AY -ext.H.RE for N24/32/40/ DC 440 распродажа</t>
  </si>
  <si>
    <t xml:space="preserve"> RX p8e Ролик подачи бумаги нижний HP 5L/6L/MP-L60/FAX-L250/Samsung ML-5000A/Lexmark Optra E310 HP RB2-1699-000 / RB1-7226</t>
  </si>
  <si>
    <t xml:space="preserve"> Xerox Sponge-Roller Pick Up (JC72-01231A) for Phaser 3121/3120/ Samsung 1510/1710/ 4100 (ролик подачи бумаги)</t>
  </si>
  <si>
    <t>Чековая лента</t>
  </si>
  <si>
    <t xml:space="preserve"> 69*55*12мм белая (105штук в коробке)(29,5*23*39)</t>
  </si>
  <si>
    <t xml:space="preserve"> термо  44*38*12mm (19м) EcoStandart (270шт в кор)L0107309 NEW ТБ48 (П012838)(28,5*24*36)</t>
  </si>
  <si>
    <t xml:space="preserve"> термо  44*38*12mm (19м) LIGHT  (210шт в кор.) (23*23,5*27,5)</t>
  </si>
  <si>
    <t xml:space="preserve"> термо  44*42*12mm (25m) OPTIMA (150шт.в кор.)(23,5*24*27)</t>
  </si>
  <si>
    <t xml:space="preserve"> термо  44*45*12mm (26м) EcoStandart (215 шт в кор)L0107371 или L0107232 ТБ48</t>
  </si>
  <si>
    <t xml:space="preserve"> термо  57*40*12mm (19м) EcoStandart  (240 шт.в кор.) L0107318 (ПО12879) ТБ48(28,5*25*36)</t>
  </si>
  <si>
    <t xml:space="preserve"> термо  57*40*12mm (19м) LIGHT  (168 шт.в кор.)(24*22,5*27,5)</t>
  </si>
  <si>
    <t xml:space="preserve"> термо  57*43*12mm (25м) EcoStandart (196шт в кор)L0107339 ТБ48 (ПО15805)(28,5*25*36)</t>
  </si>
  <si>
    <t xml:space="preserve"> термо  57*48*12mm (28м) EcoStandart (168шт.в кор) L0107323 (П013027) ТБ48(28,5*25*36)</t>
  </si>
  <si>
    <t xml:space="preserve"> термо  57*48*12mm (32м) EcoStandart (156шт в кор)L0107325  ТБ48 (П013015)(28,5*25*36)</t>
  </si>
  <si>
    <t xml:space="preserve"> термо  57*70*12mm (70м) Hight (60шт в кор)(26,5*24,5*39)</t>
  </si>
  <si>
    <t xml:space="preserve"> термо  80*60*12mm (50м) EcoStandart (75шт.в кор) L0106060 ТБ48(29*26*36)</t>
  </si>
  <si>
    <t xml:space="preserve"> термо  80*74*12mm (70м) EcoStandart (48шт.в кор) L0106046 (П000166) ТБ53(28,5*25*36)</t>
  </si>
  <si>
    <t xml:space="preserve"> термо  80*74*18mm (70м) Optimal (48шт.в кор)(28*24,5*29)</t>
  </si>
  <si>
    <t xml:space="preserve"> термо  80*75*18mm (74м) STANDART (48шт.в кор.)(32*25*32)</t>
  </si>
  <si>
    <t xml:space="preserve"> термо  80*76*12mm (74м) EcoStandart (48шт в кор) L0107280 (П000114) ТБ53</t>
  </si>
  <si>
    <t xml:space="preserve"> термо 140 mm*32*12 (15m) (___штук) для факсов Koehler</t>
  </si>
  <si>
    <t xml:space="preserve"> термо 210 mm*34*12 (15m) (70штук, 9,6кг) для факсов Koehler (24*22*36)</t>
  </si>
  <si>
    <t xml:space="preserve"> термо 210 mm*35*12 (15m) (80штук, 13,6кг) Lomond для факсов ТБ48 П016420</t>
  </si>
  <si>
    <t xml:space="preserve"> термо 210 mm*41*12 (21m) (54штук) для факсов L0104009(29*22,5*35,5)</t>
  </si>
  <si>
    <t xml:space="preserve"> термо 210 mm*43*12 (25m)(45шт) для факсов L0104033 ТБ48(28*22,5*36)</t>
  </si>
  <si>
    <t xml:space="preserve"> термо 210 mm*46*12 (30m) (42штук) для факсов L0104034(28*22,5*36)</t>
  </si>
  <si>
    <t xml:space="preserve"> термоэт-ки 43*25*40mm без печати (1000эт в рул,36шт в кор)(26*14*33,5)</t>
  </si>
  <si>
    <t xml:space="preserve"> термоэт-ки 47*25*40mm без печати (2000эт.в рулоне) (36шт.в коробке32*20*32)</t>
  </si>
  <si>
    <t xml:space="preserve"> термоэт-ки 58*30*40mm без печати(800шт в рулоне,48шт в коробке)(32*19*32)</t>
  </si>
  <si>
    <t xml:space="preserve"> термоэт-ки 58*60*40mm без печати (450эт.в рул.)(24шт.в кор)(25*13*32,5)</t>
  </si>
  <si>
    <t xml:space="preserve"> термоэт-ки TOP 58*60*40mm(450шт)(24шт.в коробке) без печати(26*14*34)</t>
  </si>
  <si>
    <t xml:space="preserve"> этикетка п/гл  29*20*40мм (2000шт в рул)  54шт в кор(33*20*33)</t>
  </si>
  <si>
    <t xml:space="preserve"> этикетка п/гл  43*25*40mm (1000эт) 64шт в кор (32,5*20*32,5)</t>
  </si>
  <si>
    <t xml:space="preserve"> этикетка п/гл  58*30*40мм (900шт в рул) 24шт в кор(26*13,5*33)</t>
  </si>
  <si>
    <t xml:space="preserve"> этикетка п/гл  58*40*40мм (700шт в рул) 24шт в кор(26*13,5*35)</t>
  </si>
  <si>
    <t xml:space="preserve"> этикетка п/гл  58*60*40мм (450шт в рул) 24шт в кор(26*13,5*34)</t>
  </si>
  <si>
    <t xml:space="preserve"> этикетка п/гл  58*95*40мм (300шт в рул) 24шт в кор(26*13,5*34)</t>
  </si>
  <si>
    <t xml:space="preserve"> 40x60х18 белая</t>
  </si>
  <si>
    <t xml:space="preserve"> 44x60х12 белая</t>
  </si>
  <si>
    <t xml:space="preserve"> 57*51*12 (2-х сл. *1акт.слой) капилярная (самокопирующаяся)</t>
  </si>
  <si>
    <t xml:space="preserve"> 57x55x12 белая</t>
  </si>
  <si>
    <t xml:space="preserve"> 69x55x12 белая</t>
  </si>
  <si>
    <t xml:space="preserve"> 76x60x12  белая</t>
  </si>
  <si>
    <t xml:space="preserve"> термо 44mm*12mm (19m)</t>
  </si>
  <si>
    <t xml:space="preserve"> термо 44mm*12mm (26м)</t>
  </si>
  <si>
    <t xml:space="preserve"> термо 57mm*12mm (19m)</t>
  </si>
  <si>
    <t xml:space="preserve"> термо 57mm*12mm (25м)</t>
  </si>
  <si>
    <t xml:space="preserve"> термо 57mm*12mm (28м)</t>
  </si>
  <si>
    <t xml:space="preserve"> термо 57mm*12мм (32m)</t>
  </si>
  <si>
    <t xml:space="preserve"> термо 57мм*12мм (65м)</t>
  </si>
  <si>
    <t xml:space="preserve"> термо 57мм*12мм (70м)</t>
  </si>
  <si>
    <t xml:space="preserve"> термо 80* 70*12mm (70м)</t>
  </si>
  <si>
    <t xml:space="preserve"> термо 80* 75*12мм(74м)</t>
  </si>
  <si>
    <t xml:space="preserve"> термо 80* 80*12мм (80м)</t>
  </si>
  <si>
    <t xml:space="preserve"> термоэт-ки  29x20 без печати(2000 эт.в рул.)</t>
  </si>
  <si>
    <t xml:space="preserve"> термоэт-ки  43x25 без печати(1000 эт.в рул.)</t>
  </si>
  <si>
    <t xml:space="preserve"> термоэт-ки  47x25 без печати(2000эт.в рул.)</t>
  </si>
  <si>
    <t xml:space="preserve"> термоэт-ки  58x30 без печати(800 эт.в рулоне)</t>
  </si>
  <si>
    <t xml:space="preserve"> термоэт-ки  58x30 с печатью(800 эт.в рул.)(50 шт в коробке)</t>
  </si>
  <si>
    <t xml:space="preserve"> термоэт-ки  58x40 без печати(600эт.в рул.)</t>
  </si>
  <si>
    <t xml:space="preserve"> термоэт-ки  58x60 без печати(450эт.в рул.) (50шт.в коробке)</t>
  </si>
  <si>
    <t xml:space="preserve"> термоэт-ки  58x60 с печатью(400эт.в рул.)(50шт.в коробке)</t>
  </si>
  <si>
    <t xml:space="preserve"> этикет-лента 21,5*12*800эт. белая(1строчная)</t>
  </si>
  <si>
    <t xml:space="preserve"> этикет-лента 21,5x12x800эт. цветная (1строчн.)</t>
  </si>
  <si>
    <t xml:space="preserve"> этикет-лента 26x16 прямая цветная (оранж) 800 этикеток</t>
  </si>
  <si>
    <t xml:space="preserve"> этикет-лента 26x16 фигурная цветная (красный) 800 этикеток</t>
  </si>
  <si>
    <t>Ролик для т/трансферный печати</t>
  </si>
  <si>
    <t xml:space="preserve">  офсет.этикетки  29х20x40mm (2000 эт.в рул), п/глянец</t>
  </si>
  <si>
    <t xml:space="preserve">  офсет.этикетки  43*25*40mm (1000эт.в рул.) п/глянец</t>
  </si>
  <si>
    <t xml:space="preserve">  офсет.этикетки  58x30x40mm (900эт.в рул.), п/глянец</t>
  </si>
  <si>
    <t xml:space="preserve">  офсет.этикетки  58x40*26-40mm (700эт.в рул.), п/глянец для Godex</t>
  </si>
  <si>
    <t xml:space="preserve">  офсет.этикетки  58x40*40 желтая (600эт.в рул.) полуглянец</t>
  </si>
  <si>
    <t xml:space="preserve">  офсет.этикетки  58x60x40mm (500эт.в рул.), п/глянец</t>
  </si>
  <si>
    <t xml:space="preserve">  офсет.этикетки  58x95x40mm (300эт.в рул.), п/глянец</t>
  </si>
  <si>
    <t xml:space="preserve">  офсет.этикетки 101x 76х75mm (400эт.в рул.), п/глянец</t>
  </si>
  <si>
    <t xml:space="preserve">  офсет.этикетки 101x101x75мм (400эт.в рул.), п/глянец</t>
  </si>
  <si>
    <t xml:space="preserve">  полипропилен этик. 43*25*40мм(2000этик.) глянец (матовую на заказ)</t>
  </si>
  <si>
    <t xml:space="preserve"> LC6 30mm*122m*25,4mm  IN фольга термотранссферная для дататира</t>
  </si>
  <si>
    <t xml:space="preserve"> X-Foil (Gold)110mm* 30m*25,4mm,In GS LotN:935611700 для печати на сатине</t>
  </si>
  <si>
    <t xml:space="preserve"> ВОСК (wax Standart)  16mm*300m*25,4mm*Ink OUTside*transparent leader*with NO notched</t>
  </si>
  <si>
    <t xml:space="preserve"> ВОСК (wax Standart)  40mm*300m*Ink OUTside/ втулка 25,4mm(1"core) (transparent leader*with no notched)</t>
  </si>
  <si>
    <t xml:space="preserve"> ВОСК (wax Standart)  60mm*300m*25,4mm*Ink outside*transparent leader*no notched</t>
  </si>
  <si>
    <t xml:space="preserve"> ВОСК (wax Standart) 105mm*100m*25,4mm*Ink outside*transparent leader*not notched</t>
  </si>
  <si>
    <t xml:space="preserve"> ВОСК (wax Standart) 105mm*300m*25,4mm*Ink outside*transparent leader*not notched UR 206</t>
  </si>
  <si>
    <t xml:space="preserve"> ВОСК (wax Standart) 105mm*450m*25,4mm*Ink outside*transparent leader*not notched*1"core</t>
  </si>
  <si>
    <t xml:space="preserve"> ВОСК (wax Standart) Blue 105mm*100m*25,4mm*Ink outside*transparent leader*not notched</t>
  </si>
  <si>
    <t xml:space="preserve"> ВОСК/СМОЛА (wax\resin Premium)  75mm*300m*25,4mm*Ink Outside*transpareant leader*not notched</t>
  </si>
  <si>
    <t xml:space="preserve"> ВОСК/СМОЛА (wax\resin Standart)  75mm*100m *25,4mm*Ink outside*transparent leader*with notched</t>
  </si>
  <si>
    <t xml:space="preserve"> ВОСК/СМОЛА (wax\resin Standart) 102mm*300m*25,4mm * InkOutside*transpareant leader*not notched</t>
  </si>
  <si>
    <t xml:space="preserve"> RESIN Prem 64mm*74m*12,7mm(втулка 110мм)*OUT(R-300) for ZEBRA TLP 2844/TSC TTP 244CE</t>
  </si>
  <si>
    <t xml:space="preserve"> RESIN Stand  57mm*74m*Ink Outside/ втулка 110mm*12,7mm for Zebra (centred*traspareant leader*not notched) (внеш.диаметр 30мм)</t>
  </si>
  <si>
    <t xml:space="preserve"> WAX Stand  57mm*74m*12,7mm*OUT for ZEBRA TLP 2824Plus (диаметр 34мм)</t>
  </si>
  <si>
    <t xml:space="preserve"> WAX Stand  57mm*74m*Ink Out(втулка 110mm*12,7mm) for Zebra TLP 2844 (centred*transparent leader*with notched)</t>
  </si>
  <si>
    <t xml:space="preserve"> WAX Stand  75mm*100m*12,7mm(втулка 110мм)*Ink outside*transpareant leader*with notched*1/2"core for Zebra</t>
  </si>
  <si>
    <t xml:space="preserve"> WAX Stand 110mm*100m*Ink Outside/ втулка 110mm*12,7mm(1/2"core) for Zebra TLP 2844 (centred*transparent leader*with notched) (внеш.диаметр 36мм)</t>
  </si>
  <si>
    <t xml:space="preserve"> WAX/resin  60mm*450m*25,4mm out part#: 0320BK06045 (6шт в кор) оригинал Zebra</t>
  </si>
  <si>
    <t xml:space="preserve"> WAX/resin Stand  60mm*100m*Ink Outside/ втулка 60mm*12,7mm(1/2"core) for Zebra TLP 2824 (centred*transparent leader*with notched) (внеш.диаметр 37мм)</t>
  </si>
  <si>
    <t xml:space="preserve"> WAX/resin Stand  64mm*74m*12,7mm(втулка 110мм)*OUT for TSC TTP 244CE</t>
  </si>
  <si>
    <t xml:space="preserve"> WAX\resin Prem  75mm*100m*Ink outside /втулка 110mm*12,7mm for Zebra TLP 2844 (centred)*transparent leader*with notched (внеш.диаметр 38мм)</t>
  </si>
  <si>
    <t xml:space="preserve"> WAX\resin Stand 105mm*100m*12,7mm*Ink outside*transpareant leader*not notched (внеш.диаметр 36мм)</t>
  </si>
  <si>
    <t>Бумага рулонная</t>
  </si>
  <si>
    <t xml:space="preserve">  80g/m2, 297* 45м*50мм L1202130 Стандарт InkJet paper  (325*147*147 мм )</t>
  </si>
  <si>
    <t xml:space="preserve">  80g/m2, 297*175м*76мм L1209130 Стандарт InkJet paper</t>
  </si>
  <si>
    <t xml:space="preserve">  80g/m2, 420* 45м*50мм  L1202009 Стандарт  InkJet paper</t>
  </si>
  <si>
    <t xml:space="preserve">  80g/m2, 420*175м*76мм  L1209139 Стандарт  InkJet paper</t>
  </si>
  <si>
    <t xml:space="preserve">  80g/m2, 594* 45м*50мм L1202008 стандарт  InkJet paper</t>
  </si>
  <si>
    <t xml:space="preserve">  80g/m2, 594*175м*76мм L1209138  Стандарт  InkJet paper</t>
  </si>
  <si>
    <t xml:space="preserve">  80g/m2, 610* 45м*50мм  L1214201 Премиум Universal paper 650*147*147мм (диам.95мм) аналог HP Q1396A</t>
  </si>
  <si>
    <t xml:space="preserve">  80g/m2, 620*175м*76мм  L1209131 Стандарт  InkJet paper</t>
  </si>
  <si>
    <t xml:space="preserve">  80g/m2, 841* 45м*50мм L1202007</t>
  </si>
  <si>
    <t xml:space="preserve">  80g/m2, 841* 80м*76мм L1214206 Стандарт  InkJet paper</t>
  </si>
  <si>
    <t xml:space="preserve">  80g/m2, 841*175м*76мм  L1209127 Премиум  Universal paper для инженерных работ</t>
  </si>
  <si>
    <t xml:space="preserve">  80g/m2, 841*175м*76мм L1209137 Стандарт  InkJet paper (865*190*190mm)</t>
  </si>
  <si>
    <t xml:space="preserve">  80g/m2, 914* 45м*50мм L1202002 Стандарт  InkJet paper 940*145*145, Диам=92мм</t>
  </si>
  <si>
    <t xml:space="preserve">  80g/m2, 914* 45м*50мм L1214202 Премиум  Universal paper (аналог Q1397A) 940*145*145, Диам=92мм</t>
  </si>
  <si>
    <t xml:space="preserve">  80g/m2,1067*175м*76мм Стандарт InkJet paper</t>
  </si>
  <si>
    <t xml:space="preserve">  85g/m2/Глянец/610mm*30m(A1) Lomond L1204011 glossy</t>
  </si>
  <si>
    <t xml:space="preserve">  90g/m2,Мат( 610mmx45m*50,8mm) L1202111 для САПР и ГИС (CAD&amp;GIS), A1 Lomond   (аналог HP-C6035A 24") эконом</t>
  </si>
  <si>
    <t xml:space="preserve">  90g/m2,Мат( 914mmx45m*50,8mm) L1202112 для САПР и ГИС (CAD&amp;GIS), A0, пр-ва Lomond  (Аналог HP-C6036A  36") эконом 720dpi</t>
  </si>
  <si>
    <t xml:space="preserve">  90g/m2,Мат(1067mmx45m*50,8mm) L1202113 для САПР и ГИС (CAD&amp;GIS), A0+, пр-ва Lomond  экономичная ( для печати с разрешением 360 dpi) аналог HP 6567B</t>
  </si>
  <si>
    <t xml:space="preserve"> 105g/m2,Matte/1067mm*45m(42"/A0+) Lomond L1202053</t>
  </si>
  <si>
    <t xml:space="preserve"> 120g/m2/ Matte/ 610mmx30m*50,8mm L1202025  A1 Lomond</t>
  </si>
  <si>
    <t xml:space="preserve"> 120g/m2/ Matte/ 914mmx30m*50,8mm L1202062 A0 Lomond</t>
  </si>
  <si>
    <t xml:space="preserve"> 120g/m2/ Matte/1067mm*30m L1214001 (42"/A0+) Lomond</t>
  </si>
  <si>
    <t xml:space="preserve"> 140g/m2,Matt/ 610mm*30m(A1) Lomond L1202081</t>
  </si>
  <si>
    <t xml:space="preserve"> 140g/m2,Matt/ 914mm*30m(A0)*50,8мм Lomond L1202082</t>
  </si>
  <si>
    <t xml:space="preserve"> 140g/m2,Matt/1067mm*30m(A0+/42) Lomond L1202083</t>
  </si>
  <si>
    <t xml:space="preserve"> 150g/m2, Glossy/610mmx30m*50,8mm(A1), NON PIG, L1204031</t>
  </si>
  <si>
    <t xml:space="preserve"> 150g/m2, Glossy/914mmx30m*50,8mm(A0), NON PIG, L1204032</t>
  </si>
  <si>
    <t xml:space="preserve"> 150g/m2,Glossy/1067mmx30m*50,8mm(A0+), NON PIG, L1204033</t>
  </si>
  <si>
    <t xml:space="preserve"> 170g/m2, Glossy/ 914mmx30m*50,8mm(A0) L1204055</t>
  </si>
  <si>
    <t xml:space="preserve"> 170g/m2, Glossy/1067mmx30m*50,8mm(A0+) L1204057</t>
  </si>
  <si>
    <t xml:space="preserve"> 180g/m2,Matte, 610mm*30m*50mm, Lomond L1202091</t>
  </si>
  <si>
    <t xml:space="preserve"> 180g/m2,Matte, 914mmx30m*50mm Lomond L1202092</t>
  </si>
  <si>
    <t xml:space="preserve"> 180g/m2,Matte,1067mmx30m(A0+/ 42"), пр-ва Lomond L1202093</t>
  </si>
  <si>
    <t xml:space="preserve"> 190g/m2,Super Glossy, 610mm*30m*50.8mm  L1201031 микропористая</t>
  </si>
  <si>
    <t xml:space="preserve"> 200g/m2 610*30m*50mm Глянец  L1204021для водных чернил</t>
  </si>
  <si>
    <t xml:space="preserve"> 200g/m2 914*30m*50m Глянец  L1204022 для водных чернил</t>
  </si>
  <si>
    <t xml:space="preserve"> 200g/m2/Glossy 1067mm*30m(A0+) L1204023 для водных чернил</t>
  </si>
  <si>
    <t xml:space="preserve"> 235g/m2 Glossy 914mm*30m(A0)*50,8мм  L1204062</t>
  </si>
  <si>
    <t xml:space="preserve"> 235g/m2 Glossy1067mm*30m(A0+)*50,8мм  L1204063</t>
  </si>
  <si>
    <t xml:space="preserve"> 240g/m2,Photo Satin/914mm*30m*75mm для сольвентной печати пр-ва Lomond L1213042</t>
  </si>
  <si>
    <t xml:space="preserve"> пленка Винил 500g/m2,Баннер для носителей рекламы с фронтальным освещением для солвентной печати (1370mmx50m*75mm), Scrim Vinyl Frontlit Banner, L1213015</t>
  </si>
  <si>
    <t xml:space="preserve"> Самокл.глянц.85 g/m2 (610 x 20 x 50,8) L1204051</t>
  </si>
  <si>
    <t xml:space="preserve"> самокл.глянц.85 g/m2 (914 x 20 x 50,8) L1204052 (П015882)</t>
  </si>
  <si>
    <t xml:space="preserve"> Самокл.матов.90 g/m2 (610 x 20 x 50,8) L1202201</t>
  </si>
  <si>
    <t xml:space="preserve"> самокл.матов.90 g/m2 (914 x 20 x 50,8) L1202202</t>
  </si>
  <si>
    <t xml:space="preserve"> 210х70х25  (94% белизны)  60-65 г/м2 (для принтеров)</t>
  </si>
  <si>
    <t>Факсбумага</t>
  </si>
  <si>
    <t xml:space="preserve"> 210 мм*32*12 (15m) "Эконом" см.опт.код 9379 и 10229</t>
  </si>
  <si>
    <t xml:space="preserve"> 210 мм*47*12 (30m) "Классик"см.опт.код 9380</t>
  </si>
  <si>
    <t xml:space="preserve"> 210 мм*40*12 (22m) "Стандарт" см.опт.код 9381</t>
  </si>
  <si>
    <t>Бумага писчая</t>
  </si>
  <si>
    <t xml:space="preserve"> 003R90649  A4 "Performer"  96%  80 г/м 500 листов</t>
  </si>
  <si>
    <t>Фотоаксессуары</t>
  </si>
  <si>
    <t xml:space="preserve"> "Мой календарь" Зажим универс.метал.215мм серый для закрепления бумаг А4/А5 на вертикальных поверхностях L14200254 (П0152940</t>
  </si>
  <si>
    <t xml:space="preserve"> "Мой календарь" Зажим универс.метал.305мм серый для закрепления бумаг А3/А4 на вертикальных поверхностях L1420025 (П015295)</t>
  </si>
  <si>
    <t xml:space="preserve"> "Мой Календарь" система A3 (13 листов плотной бумаги для фотопечати + зажим + CD с макетами) L1515001</t>
  </si>
  <si>
    <t xml:space="preserve"> "Мой Календарь" система A4 (13 листов плотной бумаги для фотопечати + зажим + CD с макетами) L1515002</t>
  </si>
  <si>
    <t xml:space="preserve"> Альбом "Моя книга" белый жемчуг Lomond L1510021</t>
  </si>
  <si>
    <t xml:space="preserve"> Вариорамка MIF-01-TL полупрозрачная Lomond L1420018</t>
  </si>
  <si>
    <t xml:space="preserve"> Гель акриловый матовый текстурный Lomond L1500100 250ml</t>
  </si>
  <si>
    <t xml:space="preserve"> Гель акриловый полуглянцевый текстурный Lomond L1500101 250ml</t>
  </si>
  <si>
    <t xml:space="preserve"> Фотоальбом 20*15 зеленая обложка/12 зеленых листов L1510006</t>
  </si>
  <si>
    <t xml:space="preserve"> футболка "Топ" жен.р.44 Сандвич L1620027</t>
  </si>
  <si>
    <t xml:space="preserve"> Футболка жен.р.44 Сэндвич О-ворот 140/150  L1620021</t>
  </si>
  <si>
    <t xml:space="preserve"> Футболка муж.р.48 Сэндвич О-ворот,140/150 L1620016</t>
  </si>
  <si>
    <t xml:space="preserve"> Футболка муж.р.50 ложн.сетка О-ворот, короткий рукав, L1620034</t>
  </si>
  <si>
    <t xml:space="preserve"> Футболка муж.р.52 ложн.сетка О-ворот, короткий рукав, L1620008</t>
  </si>
  <si>
    <t xml:space="preserve"> Футболка муж.р.52 Сэндвич О-ворот,короткий рукав, L1620018</t>
  </si>
  <si>
    <t xml:space="preserve"> Футболка муж.р.56 Сэндвич О-ворот,короткий рукав,  L1620020</t>
  </si>
  <si>
    <t xml:space="preserve"> Футболка муж.р.58 ложн.сетка  "борцовка" L1620190</t>
  </si>
  <si>
    <t>Бумага специальная</t>
  </si>
  <si>
    <t xml:space="preserve">  promo pack-2/ 29л (по одному листу каждого вида бумаги для тестирования) серия CW</t>
  </si>
  <si>
    <t xml:space="preserve">  promo pack-3/ 13л (по одному листу каждого вида бумаги для тестирования) серия самоклеющаяся пленка</t>
  </si>
  <si>
    <t xml:space="preserve"> Canvas-Glossy Cotton WB/A4/360g/5shts/Exen OEM YL-C360GW-A4-5 (глянцевый льняной холст с белой подложкой) WhiteBackside</t>
  </si>
  <si>
    <t xml:space="preserve"> Canvas-Glossy Polyester/A4/220g/5shts/Exen OEM YL-F220G-A4-5 (глянцевый полиэстровый льняной холст)</t>
  </si>
  <si>
    <t xml:space="preserve"> for sublimation ink A4 (in pack 10sh) Exen OEM для сублимации</t>
  </si>
  <si>
    <t xml:space="preserve"> Glossy/A4/130g/20shts/cast coated Exen OEM CEGT-130A4-20/двухсторонняя</t>
  </si>
  <si>
    <t xml:space="preserve"> Glossy/A4/210g/50shts/cast coated Exen OEM EGPA42320C</t>
  </si>
  <si>
    <t xml:space="preserve"> Glossy-Glossy-microporous/A4/300g/20shts/Exen OEM BRCG-300D-A4 Dual-side 2-х сторонняя</t>
  </si>
  <si>
    <t xml:space="preserve"> Glossy-Matte/A4/240g/20shts/cast coated Exen OEM CW-DGM240A4-20 (20pack/carton)  Dual-side 2-х сторонняя глянцевая-матовая</t>
  </si>
  <si>
    <t xml:space="preserve"> Glossy-Matte/A4/240g/20shts/cast coated Exen OEM YLIJGM-240D-A4 Dual-side (2-х стор. глянц-мат) высокоглянцевая универсальная бумага Dye&amp;Pigment</t>
  </si>
  <si>
    <t xml:space="preserve"> Glossy-Matte/A4/260g/20shts/cast coated Exen OEM CW-DGM260A4-20 (20pack/carton)Dual-side  2-х сторонняя глянцевая-матовая</t>
  </si>
  <si>
    <t xml:space="preserve"> Glossy-Matte/A4/260g/20shts/cast coated Exen OEM YLIJGM-260D-A4 Dual-side (2-х стор. глянц-мат)  высокоглянцевая универсальная бумага Dye&amp;Pigment</t>
  </si>
  <si>
    <t xml:space="preserve"> HighGlossy-microporous/10*15sm(4R)/240g/20shts/RC-base Exen OEM/ Cw-PH240-A6</t>
  </si>
  <si>
    <t xml:space="preserve"> Matt/10*15sm(A6)/180g/10shts/cast coated Exen OEM</t>
  </si>
  <si>
    <t xml:space="preserve"> Matte/10*15sm/(4R)/190g/50shts/cast coated Exen OEM EMP4R1950C матовая</t>
  </si>
  <si>
    <t xml:space="preserve"> Matte/A4/190g/ 20shts/cast coated Exen OEM EMPA41920C матовая</t>
  </si>
  <si>
    <t xml:space="preserve"> Matte-Matte/A4/190g/50shts/cast coated Lom OEM L0102015  матовая 2-х сторонняя Dual-side</t>
  </si>
  <si>
    <t xml:space="preserve"> Matte-Matte/A4/200g/50shts/cast coated Exen OEM L0102033 матовая 2-х сторонняя for GreetingCard Dual-side</t>
  </si>
  <si>
    <t xml:space="preserve"> SelfAdhesiv-CD2/ A4/25л/(D-17/118мм) матовая 90г/м2 (струйн.печать) самоклеящаяся</t>
  </si>
  <si>
    <t xml:space="preserve"> SelfAdhesiv-CD2/ A4/25л/(D-17/118мм) шелковисто-матовая 105г/м2 самоклеящаяся для струйной печати</t>
  </si>
  <si>
    <t xml:space="preserve"> SelfAdhesiv-Label 1*12 circle/A4/150g/100shts/CW-CYL-1244 (12 круглых наклеек 60mm)(50pack/carton) SelfAdhesive Exen OEM</t>
  </si>
  <si>
    <t xml:space="preserve"> TermoTransfer-светл.ткань/A4/10shts L0808441(термотрансфер для светлой ткани) термоперенос на светлую ткань до 2880dpi</t>
  </si>
  <si>
    <t xml:space="preserve"> Waterproof-Canvas-Matte Cotton WB/A4/360g/5shts/Exen OEM YL-CWR360MW-A4-5 (водостойкий матовый льняной холст с белой подложкой) WhiteBackside</t>
  </si>
  <si>
    <t xml:space="preserve"> Waterproof-Canvas-Matte Polyester/A4/210g/5shts/ Exen OEM YL-FWR210M-A4-5 (водостойкий матовый полиэстровый льняной холст)</t>
  </si>
  <si>
    <t xml:space="preserve"> декольная бел.лазерная A4,3л Exen</t>
  </si>
  <si>
    <t xml:space="preserve"> декольная бел.струйная A4,4л Exen</t>
  </si>
  <si>
    <t xml:space="preserve"> декольная прозр.лазерная A4,3л Exen</t>
  </si>
  <si>
    <t xml:space="preserve"> декольная прозр.струйная A4,4л Exen</t>
  </si>
  <si>
    <t xml:space="preserve"> HighGlossy-microporous/(A4)/270g/20shts/RC-base/PH270GA4 Kodak Photo Premium Paper</t>
  </si>
  <si>
    <t xml:space="preserve">  CLC A3 250g 250л Glossy DS L0310431 (6п.в кор) (для цветной лазерной печати 2-стор.)</t>
  </si>
  <si>
    <t xml:space="preserve">  CLC A4 130g 250л Glossy DS  L0310141 (10п.в кор) dual-side (для цветной лазерной печати 2-стор.)</t>
  </si>
  <si>
    <t xml:space="preserve">  CLC A4 130g 250л Matt DS L0300542 (8п.в кор)(для цветной лазерной печати 2-стор.)</t>
  </si>
  <si>
    <t xml:space="preserve">  CLC A4 170g 250л Glossy DS L0310241 (8п.в кор)(для цветной лазерной печати 2-стор.)</t>
  </si>
  <si>
    <t xml:space="preserve">  CLC A4 200g 250л Glossy DS L0310341 (5п.в кор) dual-side(для цветной лазерной печати 2-стор.)</t>
  </si>
  <si>
    <t xml:space="preserve">  CLC A4 200g 250л Matt DS L0300341 (5п.в кор)(для цветной лазерной печати 2-стор.)</t>
  </si>
  <si>
    <t xml:space="preserve">  CLC A4 250g 150л Glossy DS двустор.L0310441 П011079</t>
  </si>
  <si>
    <t xml:space="preserve">  CLC A4 250g 150л Matt DS L0300441 dual-side</t>
  </si>
  <si>
    <t xml:space="preserve">  CLC SRА3 250 г/м2, Ultra DS Matt CLC Paper, двустор. L0300413</t>
  </si>
  <si>
    <t xml:space="preserve">  сублимационная A4 100g 100л Lomond L0809413 for sublimation (15п.в коробке)</t>
  </si>
  <si>
    <t xml:space="preserve"> 085g A4 100л Lomond глянц.одностороння L0102145(в кор.19 пачек)</t>
  </si>
  <si>
    <t xml:space="preserve"> 090g A3 100л Lomond матовая  L0102011 (12п.в кор)</t>
  </si>
  <si>
    <t xml:space="preserve"> 090g A4 100л Lomond матовая  L0102001 (в кор. 19 пачек)</t>
  </si>
  <si>
    <t xml:space="preserve"> 090g A4 25л Lomond матовая  (0102029) (в кор.60 пачек)</t>
  </si>
  <si>
    <t xml:space="preserve"> 100g A4  25л Lom(мат\мат2-ст.)L0102038  (в кор. 55  пачек) matte-matte dual-side</t>
  </si>
  <si>
    <t xml:space="preserve"> 100g A4 100л Lom(мат\мат2-ст.)L0102002  (в кор.15 пачек) matte-matte dual-side</t>
  </si>
  <si>
    <t xml:space="preserve"> 120g A4  25л Lomond  матовая  L0102030(в кор.51 пачка)</t>
  </si>
  <si>
    <t xml:space="preserve"> 120g A4 100л Lomond матовая L0102003 (15 п.в кор)</t>
  </si>
  <si>
    <t xml:space="preserve"> 130g A4 100л Lomond матовая\матовая 2-х стор. L0102004 (14п.в кор) dual side</t>
  </si>
  <si>
    <t xml:space="preserve"> 130g A4 50л Lomond глянцевая L0102017 (23п. В кор)</t>
  </si>
  <si>
    <t xml:space="preserve"> 140g A3 50л Lomond глянцевая (L0102066) (в кор. 14 пачек)</t>
  </si>
  <si>
    <t xml:space="preserve"> 140g A4 50л Lomond глянцевая с улучшеным покрытием L0102054  (22пач.в кор)</t>
  </si>
  <si>
    <t xml:space="preserve"> 150g A3+ (329*483mm) 20л Lomond глянцевая 0102026  (в кор. 45 пачек)</t>
  </si>
  <si>
    <t xml:space="preserve"> 150g A4 50л Lomond глянцевая L0102018 (в кор. 22 пачки)</t>
  </si>
  <si>
    <t xml:space="preserve"> 160g A4 100л Lomond матовая L0102005 (в кор. 12 пачек)</t>
  </si>
  <si>
    <t xml:space="preserve"> 160g A4 25л Lom матовая L0102031(в кор.42 пачки)</t>
  </si>
  <si>
    <t xml:space="preserve"> 160g A4 50л Lomond глянцевая L0102055  (в кор. 19 пачек)</t>
  </si>
  <si>
    <t xml:space="preserve"> 170g A3 100л Lom(мат\мат2-ст.)L0102012 (в кор. 7 пачек)  matte-matte dual-side</t>
  </si>
  <si>
    <t xml:space="preserve"> 170g A4  20л Lomond СуперГлянцевая microporous L1101101  (в кор. 33 пачек)</t>
  </si>
  <si>
    <t xml:space="preserve"> 170g A4  50л  L0102060 Шелковисто-матовая односторонняя</t>
  </si>
  <si>
    <t xml:space="preserve"> 170g A4 100л Lom(мат\мат2-ст.)L0102006 (в кор. 11 пачек)  matte-matte dual-side</t>
  </si>
  <si>
    <t xml:space="preserve"> 170g A4 50л Lom односторонняя глянцевая  L0102142 (19п в кор)</t>
  </si>
  <si>
    <t xml:space="preserve"> 170g A6(10*15см) 50л Lom глянцевая L0102150 (72п.в кор)</t>
  </si>
  <si>
    <t xml:space="preserve"> 180g A4 50л Lom 2-х ст. глянц / глянц dualside L0102065 (19 в кор.)</t>
  </si>
  <si>
    <t xml:space="preserve"> 180g A4 50л Lom Эко-глянец  L0102169 (в кор.18 пачек)</t>
  </si>
  <si>
    <t xml:space="preserve"> 180g A5(14,8*21см)50л Lomond матовая L0102068(в кор.60 пачек)</t>
  </si>
  <si>
    <t xml:space="preserve"> 180g A6(10*15см) 50л Lom  Эко-глянец  L0102168(в кор.68 пачек)</t>
  </si>
  <si>
    <t xml:space="preserve"> 180g A6(10*15см) 50л Lom Матовая L0102063 (в кор. 68 пачек)</t>
  </si>
  <si>
    <t xml:space="preserve"> 180g A6(10*15см)600л Lom Матовая L0102083 (12пач.в кор)</t>
  </si>
  <si>
    <t xml:space="preserve"> 190g A4  50л Lom(мат\мат2-ст.)L0102015 (в кор. 18 пачек) matte-matte dual side</t>
  </si>
  <si>
    <t xml:space="preserve"> 200g A3 50л Lomond Глянцевая  L0102024  (11п.в кор)</t>
  </si>
  <si>
    <t xml:space="preserve"> 200g A4  50л Lom(мат\мат2-ст.)L0102033 matte-matte dual-side (20п.в кор)</t>
  </si>
  <si>
    <t xml:space="preserve"> 200g A4 10л Lom глянцевая "Гребёнка", Дизайнерская, одностор., ярко-белого цвета с фактурой продольных линий. L0928041(в кор. 22 пачек)</t>
  </si>
  <si>
    <t xml:space="preserve"> 200g A4 10л Lom глянцевая "Кожа", Дизайнерская односторонняя L0918041</t>
  </si>
  <si>
    <t xml:space="preserve"> 200g A4 10л Lom глянцевая "Ткань", Дизайнерская одностор, ярко-белого цвета с фактурой тонкого льняного полотна.L0920041(в кор. 22 пачек)</t>
  </si>
  <si>
    <t xml:space="preserve"> 200g A4 10л Lom глянцевая "Шотландка",Дизайнерская односторонняя L0922041</t>
  </si>
  <si>
    <t xml:space="preserve"> 200g A4 10л Lom матовая "Кожа", Дизайнерская ярко-белого цвета с фактурой выделанной кожи. L0917041 (22 пач.в кор.)</t>
  </si>
  <si>
    <t xml:space="preserve"> 200g A4 10л Lom матовая "Ящерица", Дизайнерская одностор, ярко-белого цвета с фактурой кожи ящерицы.0925041 (22 пач.в кор.)</t>
  </si>
  <si>
    <t xml:space="preserve"> 200g A4 10л Lom Ткань(textile) мат 0919041 фактура тонкого льняного полотна</t>
  </si>
  <si>
    <t xml:space="preserve"> 200g A4 25л Lomond глянцевая L0102046 (в кор. 34 пачек</t>
  </si>
  <si>
    <t xml:space="preserve"> 200g A4 50л Lom Эко-глянец  L0102147(в кор.18 пачек)</t>
  </si>
  <si>
    <t xml:space="preserve"> 200g A4 50л Lomond глянцевая  L0102020 (в кор. 18 пачек)</t>
  </si>
  <si>
    <t xml:space="preserve"> 200g A6(10*15см) 50л Lom  Эко-глянец  L0102167(в кор.68 пачек)</t>
  </si>
  <si>
    <t xml:space="preserve"> 205g A4 50л Lomond матовая L0102085 (18п.в кор)</t>
  </si>
  <si>
    <t xml:space="preserve"> 210g A4  25л Lom(глянц\мат2-ст.)L0102047 (31п.в кор) dual side</t>
  </si>
  <si>
    <t xml:space="preserve"> 210g A4  50л Lom(глянц\мат2-ст.)L0102021dual side(в кор.18 пачек)</t>
  </si>
  <si>
    <t xml:space="preserve"> 210g A4 10л Lomond (Hammer/молоток) L0916041 (18п.в кор)</t>
  </si>
  <si>
    <t xml:space="preserve"> 220g A4  50л Lom(глянц\глянц2-ст.) L0102089 dual side(в кор.15 пачек)</t>
  </si>
  <si>
    <t xml:space="preserve"> 220g A4 50л Lomond матовая\матовая 2-х стор. L0102144 dual side (16п.в кор)</t>
  </si>
  <si>
    <t xml:space="preserve"> 230g A3 20л Lom глянцевая "Мозаика" Mosaic Дизайнерская односторонняя L 0930032</t>
  </si>
  <si>
    <t xml:space="preserve"> 230g A3 50л Lomond глянцевая L0102025 (в кор. 9 пачек)</t>
  </si>
  <si>
    <t xml:space="preserve"> 230g A3 50л Lomond матовая L0102156 (10п.в кор)</t>
  </si>
  <si>
    <t xml:space="preserve"> 230g A4 10л Lom глянцевая "Point Macro" Дизайнерская односторонняя L0932041</t>
  </si>
  <si>
    <t xml:space="preserve"> 230g A4 10л Lom глянцевая "Кожа" Leather Дизайнерская односторонняя L0918141</t>
  </si>
  <si>
    <t xml:space="preserve"> 230g A4 10л Lom глянцевая "Лён" Linen Дизайнерская односторонняя L0934041</t>
  </si>
  <si>
    <t xml:space="preserve"> 230g A4 25л Lom глянцевая L0102049 (26п.в кор)</t>
  </si>
  <si>
    <t xml:space="preserve"> 230g A4 50л Lom Эко-глянец  L0102155 (в кор.15 пачек)</t>
  </si>
  <si>
    <t xml:space="preserve"> 230g A4 50л Lomond глянцевая L0102022 (в кор. 14 пачек)</t>
  </si>
  <si>
    <t xml:space="preserve"> 230g A4 50л Lomond матовая L0102016 (в кор. 15 пачек)</t>
  </si>
  <si>
    <t xml:space="preserve"> 230g A4минус глянец (29*20см,1кг,90листов) Lomond (глянц.) (пачки в термоусадке разного веса)</t>
  </si>
  <si>
    <t xml:space="preserve"> 230g A5 (14,8*21sm) 50л Lomond глянцевая L0102070 (30п.в кор)</t>
  </si>
  <si>
    <t xml:space="preserve"> 230g A5 (210х148мм)50л  матовая L0102069(в кор.30 пачек)</t>
  </si>
  <si>
    <t xml:space="preserve"> 230g A6(10*15см) 50л Lom  Эко-глянец  L0102166(в кор.60 пачек)</t>
  </si>
  <si>
    <t xml:space="preserve"> 230g A6(10*15см) 50л Lom Матовая L0102034 (в кор.56 пачек)</t>
  </si>
  <si>
    <t xml:space="preserve"> 230g A6(10*15см)500л Lom Глянцевая L0102082 (12 пач.в кор.)</t>
  </si>
  <si>
    <t xml:space="preserve"> 230g A6(10*15см)500л Lom Матовая L0102084 (12 пач.в кор.)</t>
  </si>
  <si>
    <t xml:space="preserve"> 240g A4 50л Lomond Глянцевая L0102135 (15п.в кор)</t>
  </si>
  <si>
    <t xml:space="preserve"> 260g A4 10л Lom голографическая "Shimmer" струйная односторонняя L0904041</t>
  </si>
  <si>
    <t xml:space="preserve"> 260g A4 20л Lom OEM L1103301 ПолуГлянцевая (Semi-Glossy) microporous</t>
  </si>
  <si>
    <t xml:space="preserve"> 260g A4 20л Lom ПолуГлянцевая (Semi-Glossy) microporous L1103301 (в кор. 32 пачек)</t>
  </si>
  <si>
    <t xml:space="preserve"> 260g A4 20л Lomond СуперГлянцевая microporous L1103101  (в кор.33 пачек)</t>
  </si>
  <si>
    <t xml:space="preserve"> 260g A4 50л Lom Эко-глянец  L0102152 (в кор.12 пачек)</t>
  </si>
  <si>
    <t xml:space="preserve"> 260g A5(210*148mm) 20л lomond SuperGlossy L1103104 (60п.в кор)</t>
  </si>
  <si>
    <t xml:space="preserve"> 260g A6(10*15см) 20л  Lom СуперГлянцевая microporous L1103102  (в кор. 120 пачек)</t>
  </si>
  <si>
    <t xml:space="preserve"> 260g A6(10*15см) 20л Exen Глянцевая plastik bag</t>
  </si>
  <si>
    <t xml:space="preserve"> 260g A6(10*15см) 20л Lom ПолуГлянцевая (Semi-Glossy) microporous L1103302 (в кор. 120 пачек)</t>
  </si>
  <si>
    <t xml:space="preserve"> 260g A6(10*15см) 50л Lom  Эко-глянец  L0102165(в кор.48 пачек)</t>
  </si>
  <si>
    <t xml:space="preserve"> 260g A6(10,5*14,8см)500л Lom СуперГлянцевая microporous L1103105  (в кор. 12пачек)</t>
  </si>
  <si>
    <t xml:space="preserve"> 265g A4 10л Lom бархатная Velour Bright Natural White односторонняя L0911141</t>
  </si>
  <si>
    <t xml:space="preserve"> 270g A3 20л Lom Satin Warm L1104103 (в кор.20шт)</t>
  </si>
  <si>
    <t xml:space="preserve"> 270g A4 20л Lomond Сатин WARM microporous  L1106200 (в кор. 30 пачек) satin</t>
  </si>
  <si>
    <t xml:space="preserve"> 280g A3 20л Lomond СуперГлянцевая microporous L1104102 (20п.в кор)</t>
  </si>
  <si>
    <t xml:space="preserve"> 280g A4 20л Lomond СуперГлянцевая microporous L1104101  (в кор. 30 пачек)</t>
  </si>
  <si>
    <t xml:space="preserve"> 280g A6(10*15см) 20л Сатин microporous L1104202  (в кор. 120 пачек) satin</t>
  </si>
  <si>
    <t xml:space="preserve"> 290g A4 20л Lomond СуперГлянцевая microporous L1108100  (в кор.30 пачек)</t>
  </si>
  <si>
    <t xml:space="preserve"> 300мкм A3 20л Lomond льняной холст с полимерным покрытием Canvas (для водных чернил) L0908312</t>
  </si>
  <si>
    <t xml:space="preserve"> 325g A4 20л Lom баритовая  "Художественный шелк" атласная односторонняя L1100202</t>
  </si>
  <si>
    <t xml:space="preserve"> 7701200 Lomond  A4 Promo Pack 14л. набор глянцевых бумаг</t>
  </si>
  <si>
    <t xml:space="preserve"> для татуировок A4 струйн.печать L2010450 5 листов Lomond</t>
  </si>
  <si>
    <t xml:space="preserve"> магнитная A3 2л Glossy Lomond Magnetic глянцевая белая (бумага с магнитным слоем для крепления на метал.поверхность) L2020347</t>
  </si>
  <si>
    <t xml:space="preserve"> магнитная A4 2л Glossy Lomond Magnetic глянцевая белая (бумага с магнитным слоем для крепления на метал.поверхность) L2020345 (40п в кор)</t>
  </si>
  <si>
    <t xml:space="preserve"> магнитная A4 2л Matt Lomond Magnetic матовая белая (бумага с магнитным слоем для крепления на метал.поверхность) L2020346</t>
  </si>
  <si>
    <t xml:space="preserve"> самокл..A4/  25л(180*240мм)MATT 90г/м2 (струйная печать) L2212013 Lomond (в кор.14 пачек) формат альбома</t>
  </si>
  <si>
    <t xml:space="preserve"> самокл..A4/  25л/  1-дел.(18*24см) СуперГлянец L2512013</t>
  </si>
  <si>
    <t xml:space="preserve"> самокл..A4/  25л/  3-дел.белая,OEM 210*99мм(унив. Печать)70г/м2 Lomond  L2100015S25</t>
  </si>
  <si>
    <t xml:space="preserve"> самокл..A4/  25л/ 04-дел.Глянц85г/м2 (струйная печать)  Lomond (105*148,5мм) L2410023</t>
  </si>
  <si>
    <t xml:space="preserve"> самокл..A4/  25л/ 08-дел.Глянц.85г/м2 (струйная печать)  Lomond (105*74,3мм) L2410043</t>
  </si>
  <si>
    <t xml:space="preserve"> самокл..A4/  25л/недел.белая OEM 70г/м2 (унив. печать) L2100005S25 Lomond</t>
  </si>
  <si>
    <t xml:space="preserve"> самокл..A4/  25л/недел.глянц. 85г/м2 (струйная печать) L2410003 Lomond (14 пач.в кор.)</t>
  </si>
  <si>
    <t xml:space="preserve"> самокл..A4/  25л/недел.мат. 90г/м2 (струйная печать) L2210003 Lomond (в кор.14 пачек) SelfAdhesiv</t>
  </si>
  <si>
    <t xml:space="preserve"> самокл..A4/  50л/  2-дел.белая,210*148,5мм(унив. Печать)70г/м2 Lom  L2100225 (в кор.27 пачек)</t>
  </si>
  <si>
    <t xml:space="preserve"> самокл..A4/  50л/  3-дел.белая,210* 99мм(унив. Печать)70г/м2 Lomond  L2100015 (в кор.27 пачек)</t>
  </si>
  <si>
    <t xml:space="preserve"> самокл..A4/  50л/  4-дел.белая,105*148,5мм(унив.печать) L2100025 Lomond (в кор.27 пачек) (105*148,5мм)</t>
  </si>
  <si>
    <t xml:space="preserve"> самокл..A4/  50л/  4-дел.белая,190* 61мм(унив. Печать)70г/м2 Lom  L2100265 (в кор.27 пачек) для папок Корона</t>
  </si>
  <si>
    <t xml:space="preserve"> самокл..A4/  50л/  5-дел.белая,210* 57мм(унив. Печать)70г/м2 Lom  L2100245 (в кор.27 пачек) для папок Корона</t>
  </si>
  <si>
    <t xml:space="preserve"> самокл..A4/  50л/  6-дел.белая,105* 99мм(унив.печать)(105х99) L2100035</t>
  </si>
  <si>
    <t xml:space="preserve"> самокл..A4/  50л/  7-дел.белая,190* 38мм(унив. Печать)70г/м2 Lom  L2100255 (в кор.27 пачек) для папок Корона</t>
  </si>
  <si>
    <t xml:space="preserve"> самокл..A4/  50л/ 08-дел.белая,105* 74,3мм(унив.печать)70г/м2 Lomond L2100045 (в кор.27 пачек)</t>
  </si>
  <si>
    <t xml:space="preserve"> самокл..A4/  50л/ 10-дел,красная,105 х 59,4мм(унив.печать)80г/м2 L2110055 Lomond (в кор. 27 пачек) SelfAdhesiv</t>
  </si>
  <si>
    <t xml:space="preserve"> самокл..A4/  50л/ 10-дел.белая,105* 59,4мм(унив. Печать)70г/м2 L2100055</t>
  </si>
  <si>
    <t xml:space="preserve"> самокл..A4/  50л/ 12-дел.белая,105* 48мм(унив. Печать) L2100065 Lomond (в кор.27 пачек)()</t>
  </si>
  <si>
    <t xml:space="preserve"> самокл..A4/  50л/ 16-дел.белая,105* 37мм(унив. Печать) L2100125 Lomond (в кор.27 пачек) ()</t>
  </si>
  <si>
    <t xml:space="preserve"> самокл..A4/  50л/ 18-дел.белая,66,7*46мм(унив. Печать) L2100135 Lomond (27п.в кор)</t>
  </si>
  <si>
    <t xml:space="preserve"> самокл..A4/  50л/ 21-дел.белая,70*42,3мм(унив.печать) L2100145 SelfAdhesiv (27п.в кор)</t>
  </si>
  <si>
    <t xml:space="preserve"> самокл..A4/  50л/ 24-дел.белая,64*33,4мм(унив.печать) 70г*м2  L2100175 Lomond (в кор.27 пачек)</t>
  </si>
  <si>
    <t xml:space="preserve"> самокл..A4/  50л/ 24-дел.белая,70*37мм(унив.печать)70г*м2 L2100165 Lomond (в кор.27 пачек)</t>
  </si>
  <si>
    <t xml:space="preserve"> самокл..A4/  50л/ 27-дел.белая,70* 32мм(унив. Печать)70г/м2 Lom  L2100185 (в кор.27 пачек)</t>
  </si>
  <si>
    <t xml:space="preserve"> самокл..A4/  50л/ 40-дел.белая,48.5*25.4 мм(унив.печать)70г\м2 Lomond L2100195</t>
  </si>
  <si>
    <t xml:space="preserve"> самокл..A4/  50л/ 65-дел.белая,38*21,2мм(унив.печать)70г/м2 Lomond  L2100215</t>
  </si>
  <si>
    <t xml:space="preserve"> самокл..A4/  50л/189-дел.белая,25,4* 10мм(унив. Печать)70г/м2 Lom  L2100235 (в кор.27 пачек)</t>
  </si>
  <si>
    <t xml:space="preserve"> самокл..A4/  50л/недел.белая 70г/м2 (унив. Печать) L2100005 Lomond (в кор. 27 пачек) SelfAdhesiv</t>
  </si>
  <si>
    <t xml:space="preserve"> самокл..A4/  50л/недел.глянц. 80г/м2 (лаз. Печать) L2610005 SelfAdhesiv (27пач.в кор)</t>
  </si>
  <si>
    <t xml:space="preserve"> самокл..A4/  50л/недел.полуглянц. 85 г/м2 (лаз. Печать)Self-Adhesive Color Laser semigloss Paper Label,LOMOND L2600052 (27пач.в кор)</t>
  </si>
  <si>
    <t xml:space="preserve"> самокл..A4/ 100л/  3-дел.белая,OEM 210*99мм(унив. Печать)70г/м2 Lomond  L2100015S100</t>
  </si>
  <si>
    <t xml:space="preserve"> самокл..A4/1650л/  3-дел.белая (унив.печать)70г/м2 Lomond П009100 L2100015T1650</t>
  </si>
  <si>
    <t xml:space="preserve"> самокл..A4/1650л/ 08-дел.белая (унив.печать)70г/м2 Lomond П009070 L2100045T1650</t>
  </si>
  <si>
    <t xml:space="preserve"> самокл.белая на CD A4/25л/CD2(D-17/118мм)70г/м2 (унив. печать) Lomond  L2101013  (в кор.18 пачек) универс.печать</t>
  </si>
  <si>
    <t xml:space="preserve"> самокл.глянц. на CD A4/25л/CD2(D-17/118мм) 85г/м2 (струйн.печать) Lomond  L2411013 (в кор.14 пач)</t>
  </si>
  <si>
    <t xml:space="preserve"> самокл.матов.на CD A4/25л/CD2(D-17/118мм) 90г/м2 (струйн.печать) Lomond  L2211013(в кор.14 пач)</t>
  </si>
  <si>
    <t xml:space="preserve"> термоперенос A3 лазерн.на светл.ткань L0807320 (50 листов) (19пач.в кор)</t>
  </si>
  <si>
    <t xml:space="preserve"> термоперенос A3 светл.ткань L0808315 50л. (струйная печать) Lomond (10п в кор)</t>
  </si>
  <si>
    <t xml:space="preserve"> термоперенос A4 лазерн.на светл.ткань L0807420 (50 листов) (23п.в кор)</t>
  </si>
  <si>
    <t xml:space="preserve"> термоперенос A4 светл.ткань L0808411 10л. (струйная печать) Lomond (в кор.27 пачек)</t>
  </si>
  <si>
    <t xml:space="preserve"> термоперенос A4 светл.ткань L0808415 50л. (струйная печать) Lomond (в кор.19 пачек)</t>
  </si>
  <si>
    <t xml:space="preserve"> термоперенос A4 светл.ткань"эконом" 10л L0808441 (27п в кор)</t>
  </si>
  <si>
    <t xml:space="preserve"> термоперенос A4 светл.ткань"эконом" 50л L0808445 (19п.в кор)</t>
  </si>
  <si>
    <t xml:space="preserve"> термоперенос A4 темн.ткань 10л L0808421 (струйная печать) Lomond ( в кор. 22 пачки)</t>
  </si>
  <si>
    <t xml:space="preserve"> термоперенос A4 темн.ткань 50л.(струйная печать) Lomond  L0808425 (10п в кор)</t>
  </si>
  <si>
    <t xml:space="preserve"> термоперенос A4 темн.ткань"эконом"10л L0808451 (струйн.печать) (22пач. В кор)</t>
  </si>
  <si>
    <t xml:space="preserve"> термоперенос A4 темн.ткань"эконом"50л L0808455 (струйн.печать)(10п.в кор)</t>
  </si>
  <si>
    <t xml:space="preserve"> термоперенос A4 флюресц.10л L0808431 (струйная печать) Lomond (в кор.27 пачек)</t>
  </si>
  <si>
    <t xml:space="preserve"> термоперенос A4,50л,лаз.твёрдые поверхности (немасл.тонер) L0807435 (в кор.25 пачек)</t>
  </si>
  <si>
    <t xml:space="preserve"> 003R97591 A3 Colotech+Gloss 280г/м  125 листов для лазерной печати на цв.принтерах и копирах</t>
  </si>
  <si>
    <t xml:space="preserve"> 180023765	A3 160 COLOR COPY  (250л) (5 п/кор.)</t>
  </si>
  <si>
    <t>Пленка струйная</t>
  </si>
  <si>
    <t xml:space="preserve"> 0708315  Lom A3,100мк,50л прозр.для цв.печати водными чернилами PET CLEAR INK JET FILM – ПРОЗРАЧНАЯ</t>
  </si>
  <si>
    <t xml:space="preserve"> 0708411  Lom A4,100мк,10л прозр.для цв.печати водными чернилами (односторон.полиэстер)</t>
  </si>
  <si>
    <t xml:space="preserve"> 07084111 Lom A4,135мк,10л прозр.для пигм.чернил PET Ink Jet Film (водостойкая)(30п.в кор)</t>
  </si>
  <si>
    <t xml:space="preserve"> 0708415  Lom A4,100мк,50л прозр.для цв.печати водными чернилами (односторон.полиэстер)</t>
  </si>
  <si>
    <t xml:space="preserve"> 07084151 Lom A4,135мк,50л прозр.для пигм.чернил PET Ink Jet Film(водостойкая)(24п.в кор)</t>
  </si>
  <si>
    <t xml:space="preserve"> 0708421  Lom A4,100мк,10л прозр.с бум.полоской по короткой стороне PET INK JET FILM</t>
  </si>
  <si>
    <t xml:space="preserve"> 0710421  Lom A4,100мк,10л унив.печать PE UNIVERSAL FILM – ЛАЗ/Струйн</t>
  </si>
  <si>
    <t xml:space="preserve"> 1708411  Lom A4,80г\м2,10л.самокл.глянц.прозрачн. Для струйных принтеров PET Self-Adhesive Clear Ink Jet Film (в кор.35 пачек)</t>
  </si>
  <si>
    <t xml:space="preserve"> 1708462 Lom А4,(Laptop Skin)самоклеящаяся для ноутбуков</t>
  </si>
  <si>
    <t xml:space="preserve"> 1713463 Lom A4,74г/м2,25л Security Самокл.белая 52 дел 46*22мм</t>
  </si>
  <si>
    <t xml:space="preserve"> 2710003  Lom A4,100мк,25л самокл.белая для струйной печати</t>
  </si>
  <si>
    <t>Пленка лазерная</t>
  </si>
  <si>
    <t xml:space="preserve"> A3,50л,100мк 0703315 Lom прозр.для ч.б, цв.лаз.принтеров</t>
  </si>
  <si>
    <t xml:space="preserve"> A4,10л, 78g/m2 1703461 Lom Самокл.бел.мат.полиэстеровая для лаз.печати PE LAS Film</t>
  </si>
  <si>
    <t xml:space="preserve"> A4,10л, 80g/m2 1703411 Lom самокл.прозр.глянц.полиэстеровая лаз.печать(30 пач. В кор) (норм.температурный режим)</t>
  </si>
  <si>
    <t xml:space="preserve"> A4,10л,100мк 0703411 Lom прозр. норм.температура (45п.в кор)PE LAS FILM,</t>
  </si>
  <si>
    <t xml:space="preserve"> A4,10л,100мк 0705411 Lom прозр.для ч/б принтеров (28п.в кор)</t>
  </si>
  <si>
    <t xml:space="preserve"> A4,10л,125мк 0707411 Lom прозр.2-ст.(45п.в кор)</t>
  </si>
  <si>
    <t xml:space="preserve"> A4,10л,125мк 0707461 Lom бел.непрозрачная для ч.б и цветной печати для высокой температуры</t>
  </si>
  <si>
    <t xml:space="preserve"> A4,10л,190g/m2 L1703471 Lom самокл.золотая 160мк полиэстеровая 720dpi лаз.печать</t>
  </si>
  <si>
    <t xml:space="preserve"> A4,25л, 56g/m2 28100030 Lom самокл.мат.прозр.для лаз.принтеров</t>
  </si>
  <si>
    <t xml:space="preserve"> A4,25л, 80g/m2 2800003 Lom Самокл.Прозр.глянц.для лаз.принтеров (норм.температурный режим)</t>
  </si>
  <si>
    <t xml:space="preserve"> A4,50л,100мк 0701415 Lom прозрачная 2-ст.(28п в кор.)Для ч/б копирования</t>
  </si>
  <si>
    <t xml:space="preserve"> A4,50л,125мк 0707415 Lom прозр.2-ст. норм.температура (27п.в кор) PE DS color Las Film</t>
  </si>
  <si>
    <t xml:space="preserve"> Glossy HairLine Silver Film A4/10shts/120g пленка глянцевая серебристая с рисунком в виде линий для печати на лазерн.принтерах  S-120GH-A4-10</t>
  </si>
  <si>
    <t>Пленка разная</t>
  </si>
  <si>
    <t xml:space="preserve"> TAB OPTIMAL  12 MM термообложка (100) GBC</t>
  </si>
  <si>
    <t xml:space="preserve"> TAB OPTIMAL  3 MM термообложка (100) GBC</t>
  </si>
  <si>
    <t xml:space="preserve"> TAB OPTIMAL  6 MM термообложка (100) GBC</t>
  </si>
  <si>
    <t xml:space="preserve"> A3 080mk мат.для ламинир. 50л. L1301151</t>
  </si>
  <si>
    <t xml:space="preserve"> A3 100mk глянц. Для ламинир 50л 305x428мм Lomond #1302152</t>
  </si>
  <si>
    <t xml:space="preserve"> A3 100mk мат.для ламинир. 50л. L1301152</t>
  </si>
  <si>
    <t xml:space="preserve"> A4 080mk глянц для ламинир. 50л. Lomond  L1302141</t>
  </si>
  <si>
    <t xml:space="preserve"> A4 080mk мат. для ламинир. 50л.(218*305) L1301141</t>
  </si>
  <si>
    <t xml:space="preserve"> A4 100 mk глянц для ламинир. 50л. Lomond  L1302142</t>
  </si>
  <si>
    <t xml:space="preserve"> A4 100mk мат. для ламинир. 50л. (218*305) L1301142</t>
  </si>
  <si>
    <t xml:space="preserve"> A4 150mk мат. для ламинир. 50л. Lomond  L1301143</t>
  </si>
  <si>
    <t xml:space="preserve"> A4 200 mk глянц. для ламинир. 50л. Lomond  L1302144</t>
  </si>
  <si>
    <t xml:space="preserve"> A4 200 mk мат. для ламинир. 50л. Lomond  L1301144</t>
  </si>
  <si>
    <t xml:space="preserve"> A3  80 mk глянц.для ламинирования 100 л  303мм*426мм закругленные углы</t>
  </si>
  <si>
    <t>Чип картриджа</t>
  </si>
  <si>
    <t xml:space="preserve"> CLI-521 Bk не обнуляемый</t>
  </si>
  <si>
    <t xml:space="preserve"> CLI-521 C не обнуляемый</t>
  </si>
  <si>
    <t xml:space="preserve"> CLI-8 Y не обнуляемый</t>
  </si>
  <si>
    <t xml:space="preserve"> PGI-520 Bk не обнуляемый</t>
  </si>
  <si>
    <t xml:space="preserve">  for ДЗК Е5911-5919 for Epson StPro 11880 (требуются оригинальные чипы с ресурсом не менее 20%, устанавливается весь комплект ДЗК)</t>
  </si>
  <si>
    <t xml:space="preserve"> Epson  T0731N обнуляемый for TX400/ cx9300</t>
  </si>
  <si>
    <t xml:space="preserve"> Epson T0731N не обнуляемый for TX400/ cx9300</t>
  </si>
  <si>
    <t xml:space="preserve"> for ДЗК  R3000 T1571-1579 (комплект)</t>
  </si>
  <si>
    <t xml:space="preserve"> for ДЗК (T0731-734) V3.1/ 3.11/5.0 for C79/ CX7300 раздельный комплект</t>
  </si>
  <si>
    <t xml:space="preserve"> for ДЗК (T0731N-734N) V.6.0 for Epson C79/90/92/905/4900/6900/39005900/5600/5505/4905/5500/8300/7300/7310/9300 раздельный</t>
  </si>
  <si>
    <t xml:space="preserve"> for ДЗК (T0801-806) LWO V6.0 for P50 раздельные (комплект 6 штук)</t>
  </si>
  <si>
    <t xml:space="preserve"> for ДЗК (T0801-806) XF V6.0 for P50 раздельные (комплект 6 штук)</t>
  </si>
  <si>
    <t xml:space="preserve"> for ДЗК (T0821N-826N) V6.3 (821NR 15.7) for ST photo 1410 раздельные (комплект 6 штук)</t>
  </si>
  <si>
    <t xml:space="preserve"> for ДЗК (T0921N-0924N) V6.1 XF for EPSON St TX117\TX119\TX106\TX109\C91\CX4300\T26\T27 комплект раздельных чипов</t>
  </si>
  <si>
    <t xml:space="preserve"> for ДЗК (T1281-1284) V6.2 TJ  for Epson ME33\ S22/ SX 125</t>
  </si>
  <si>
    <t xml:space="preserve"> for ДЗК 1291-1294</t>
  </si>
  <si>
    <t xml:space="preserve"> for ДЗК PRO 4800/4880 универсальный чип для любого цвета на картриджи  T6061-6067,6069,T6148</t>
  </si>
  <si>
    <t xml:space="preserve"> for ДЗК ST Pro 3800 (T5801-T5809) for plotter для работы требуются оригинальные чипы с ресурсом не менее 30%</t>
  </si>
  <si>
    <t xml:space="preserve"> for ДЗК T0711-714 V.5.0 LWO раздельные for Epson D78/D92/DX4000/4050/5000/5050/6000/6050/7000/4450/4400/7450/8450/7400/8400/9400</t>
  </si>
  <si>
    <t xml:space="preserve"> for ДЗК T0711N-714N V.5.0 LWO/XF раздельные for Epson S20/SX200/SX205/SX400</t>
  </si>
  <si>
    <t xml:space="preserve"> for ДЗК T0731 V5.0 black (1 чип)</t>
  </si>
  <si>
    <t xml:space="preserve"> for ДЗК T2601, T2611-2614  for XP-600 | XP-605 | XP-700 | XP-800</t>
  </si>
  <si>
    <t xml:space="preserve"> for ДЗК T5971-5974,5978 (T6361-6364,T6368) (5цв) for Epson Pro  7700/7710/  PRO 9700/9710 (сбрасывается ресеттером)</t>
  </si>
  <si>
    <t xml:space="preserve"> for ДЗК T6361 PhBl  for Epson Pro  7700/7710/  PRO 9700/9710</t>
  </si>
  <si>
    <t xml:space="preserve"> for ДЗК T6941-6945 (PhBl,C,M,Y,MBl) onetime for SC-T3200/ SC-T5200</t>
  </si>
  <si>
    <t xml:space="preserve"> for ДЗК Т0731N-731N-1032R-1034R for T1100</t>
  </si>
  <si>
    <t xml:space="preserve"> for ДЗК Т3200\Т5200 1шт Т6942 обнуляемый</t>
  </si>
  <si>
    <t xml:space="preserve"> for ДЗК Т6161-Т6164 for Eps B300/b500</t>
  </si>
  <si>
    <t xml:space="preserve"> for памперс Stylus PRO 9700\7700\7710\9710  for maintenance(waste)  tank chip одноразовый</t>
  </si>
  <si>
    <t xml:space="preserve"> for СНПЧ (T007-008)  (обнуляющийся) (комплект bl+col) Epson 790</t>
  </si>
  <si>
    <t xml:space="preserve"> for СНПЧ (T026/027/028/029)  для цв.картриджей (обнуляющийся)</t>
  </si>
  <si>
    <t xml:space="preserve"> for СНПЧ (T0431-0434) (комплект)</t>
  </si>
  <si>
    <t xml:space="preserve"> for СНПЧ (T0461-0474)  (обнуляющийся) for C63 (за комплект)</t>
  </si>
  <si>
    <t xml:space="preserve"> for СНПЧ R3000 T1571-1579</t>
  </si>
  <si>
    <t xml:space="preserve"> for СНПЧ T0711-714 V.5.0 LWO планка for Epson D78/D92/DX4000/4050/5000/5050/6000/6050/7000/4450/4400/7450/8450/7400/8400/9400</t>
  </si>
  <si>
    <t xml:space="preserve"> for СНПЧ T0711-714 V5.0 ZSXF планка for Epson D78/92/120/ DX4050/4000/5000/5050/6000/6050/7000/7000/4400/4450/8400/7400/7450/8450/5050/SX100/SX200/SX205/SX400/SX405/SX600/Office BX300F</t>
  </si>
  <si>
    <t xml:space="preserve"> for СНПЧ T0711N-714N V.6.0 LWO планка for Epson S20/SX200/SX205/SX400</t>
  </si>
  <si>
    <t xml:space="preserve"> for СНПЧ T0711N-714N V6.0 ZSXF планка for Epson office BX300F/BX600FW/B40W/ D78/92/120/ DX4050/4000/5000/5050/6000/6050/7000/7000/4400/4450/8400/7400/7450/8450/5050/SX100/SX200/SX205/SX400/SX405/SX600</t>
  </si>
  <si>
    <t xml:space="preserve"> for СНПЧ T0731-731-734 for Epson C110 (5 чипов)</t>
  </si>
  <si>
    <t xml:space="preserve"> for СНПЧ T0731-734  V 5.0 планка</t>
  </si>
  <si>
    <t xml:space="preserve"> for СНПЧ T0731N,731N-734N  V.6.0N5 for Epson  ПЛАНКА  (5 чипов)</t>
  </si>
  <si>
    <t xml:space="preserve"> for СНПЧ T0731N-734N V6.0-F for Epson TX400/TX300/TX600/C79/90/92/905/4900/6900/39005900/5600/5505/4905/5500/8300/7300/7310/9300/T30/T33/T23/TX102/TX103/TX105/TX203/CX3905/CX5501/CX5510 нераздельный</t>
  </si>
  <si>
    <t xml:space="preserve"> for СНПЧ T0791-796 V.6.0 for ST Ph 1400\1500w\p700\px800\p50\px830fwd\artiscan 1430</t>
  </si>
  <si>
    <t xml:space="preserve"> for СНПЧ T0801-806  LWO  V6.0 for P50 планка</t>
  </si>
  <si>
    <t xml:space="preserve"> for СНПЧ T0821-826 V5.0 for  for ST Photo1410/  R270/290/295/390/  нераздельные</t>
  </si>
  <si>
    <t xml:space="preserve"> for СНПЧ T0821N-826N V.6.0 for TX700/TX800/R270/290/295/390/ RX590/690/610/ T50 (планка)</t>
  </si>
  <si>
    <t xml:space="preserve"> for СНПЧ T0821N-826N V.6.2 (821NR 15.7) for ST Photo 1410 (планка)</t>
  </si>
  <si>
    <t xml:space="preserve"> for СНПЧ T0921N-0924N V6.0N4 XF for EPSON St TX117\TX119\TX106\TX109\C91\CX4300\T26\T27 планка с обнуляющей кнопкой</t>
  </si>
  <si>
    <t xml:space="preserve"> for СНПЧ T1031-1034(аналог T0731N-734N)V6.0N4 for Office T40 | Office T40w | Office TX510 | Office TX510fn | Office TX600 | Office TX600fw | TX550 | TX550w</t>
  </si>
  <si>
    <t xml:space="preserve"> for СНПЧ T1281-1284 V6.2 LWO for Epson ME33\ S22/ SX 125</t>
  </si>
  <si>
    <t xml:space="preserve"> for СНПЧ T1711-1714 v.6.5 for XP-103/ 203</t>
  </si>
  <si>
    <t xml:space="preserve"> for СНПЧ Т0731N-1031R-1034R for T1100 (5чипов на планке)</t>
  </si>
  <si>
    <t xml:space="preserve"> for СНПЧ Т0731N-731N-1032R-1034R for T1100 V6.0N5</t>
  </si>
  <si>
    <t xml:space="preserve"> for СНПЧ/ДЗК  (T0481-0486/491-496) комплект for R200/300/320 (обнуляющийся)</t>
  </si>
  <si>
    <t xml:space="preserve"> for СНПЧ/ДЗК  (T0540-0549) (комплект 8шт) for R800/1800</t>
  </si>
  <si>
    <t xml:space="preserve"> for СНПЧ/ДЗК (T0540-0549) for Epso R800/1800 (за комплект 8шт)</t>
  </si>
  <si>
    <t xml:space="preserve"> T6193 for памперс T5200/ T3200/ T7200  необнуляемый подходит на старые модели T3000/ T5000/ T7000 maintenance tank chip (F6070\ F7070\F7000)</t>
  </si>
  <si>
    <t xml:space="preserve"> HP  color  for 1500/2500 Canon LBP2410/MF8170 (Hi-black)C9702/Q3962 Y 4K</t>
  </si>
  <si>
    <t xml:space="preserve"> HP  color  for 1500/2500 CanonLBP2410/MF8170 (Hi-black)C9703/Q3963 M 4K</t>
  </si>
  <si>
    <t xml:space="preserve"> HP  color  M276nw, CE211A, Cyan</t>
  </si>
  <si>
    <t xml:space="preserve"> HP  color  M276nw, CE212A, Yelow</t>
  </si>
  <si>
    <t xml:space="preserve"> HP  color  M276nw, CE213A, Magenta</t>
  </si>
  <si>
    <t xml:space="preserve"> HP  color 2600 black for 1600/2600/2605/3600/3800 (Q6000A/ q6470)</t>
  </si>
  <si>
    <t xml:space="preserve"> HP  color 2600 C for 1600/2600/2605/3600 (Q6001A/q6471)</t>
  </si>
  <si>
    <t xml:space="preserve"> HP  color 2600 M for 1600/2600/2605/3600 (Q6003A/q6473)</t>
  </si>
  <si>
    <t xml:space="preserve"> HP  color 2600 Y for 1600/2600/2605/3600 (Q6002A/q6272)</t>
  </si>
  <si>
    <t xml:space="preserve"> HP  color 3500/3550 /3700 Bl (Euro vers.)</t>
  </si>
  <si>
    <t xml:space="preserve"> HP  color 3500/3550 C (Euro vers.)</t>
  </si>
  <si>
    <t xml:space="preserve"> HP  color 3500/3550 M (Euro vers.)</t>
  </si>
  <si>
    <t xml:space="preserve"> HP  color 3500/3550 Y (Euro vers.)</t>
  </si>
  <si>
    <t xml:space="preserve"> HP  color 5500 Bl for 4600/4605/5550/EP-85/EP-86</t>
  </si>
  <si>
    <t xml:space="preserve"> HP  color 5500 C for 4600/4605/5550/EP-85/EP-86</t>
  </si>
  <si>
    <t xml:space="preserve"> HP  color 5500 M for 4600/4605/5550/EP-85/EP-86</t>
  </si>
  <si>
    <t xml:space="preserve"> HP  color 5500 Y for 4600/4605/5550/EP-85/EP-86</t>
  </si>
  <si>
    <t xml:space="preserve"> HP "Chips A" for HP 1300/2300series/1320/1160/4200series/4300series/4250/4350/4345/2400/2410/2420/2430/3005/3027/3035/P2015</t>
  </si>
  <si>
    <t xml:space="preserve"> HP 2025/1215 univ Bl for HP CP1515/2020/CP2025/3525/4025/1025/ CM1312/2320/ LBP5050/7200/7750 (cb540a/cc530a/ce250a/ce260a/ce310a)   ICH-U15B</t>
  </si>
  <si>
    <t xml:space="preserve"> HP 2025/1215 univ C  for HP CP1515/2020/CP2025/3525/4025/1025/ CM1312/2320/ LBP5050/7200/7750 (cb541a/cc531a/ce251a/ce261a/ce311a)  ICH-U15C</t>
  </si>
  <si>
    <t xml:space="preserve"> HP 2025/1215 univ M for HP CP1515/2020/CP2025/3525/4025/1025/ CM1312/2320/ LBP5050/7200/7750 (cb543a/cc5331a/ce253a/ce263a/ce313a)   ICH-U15M</t>
  </si>
  <si>
    <t xml:space="preserve"> HP 2025/1215 univ Y for HP CP1515/2020/CP2025/3525/4025/1025/ CM1312/2320/ LBP5050/7200/7750 (cb544a/cc534a/ce254a/ce264a/ce313a)   ICH-U15Y</t>
  </si>
  <si>
    <t xml:space="preserve"> HP 2550 black for HP 2820/2840Color Series</t>
  </si>
  <si>
    <t xml:space="preserve"> HP 2550 C for HP 2820/2840Color Series (универс.для CYM)</t>
  </si>
  <si>
    <t xml:space="preserve"> HP 2550 M for HP 2820/2840Color Series (универс.для CYM)</t>
  </si>
  <si>
    <t xml:space="preserve"> HP 2550 Y for HP 2820/2840Color Series (универс.для CYM)</t>
  </si>
  <si>
    <t xml:space="preserve"> HP 4100/9000/9040/9050 (H-9000) dedicated Chip</t>
  </si>
  <si>
    <t xml:space="preserve"> HP 8721Z(с8719Z)/8771Z-8775Z) Ver.HP801 for HP Photosmart D6100 series/ D6160/ D6163/ D6168/ C7100 series/ C7150/ C7170/ C7177/ C7180/ C7183/ C7186/ C7188/ C7190/ C6100 series/ C6150/C6154/C6170/C6175/C6180/C6183/C6185/C6188 (комплект)</t>
  </si>
  <si>
    <t xml:space="preserve"> HP c4836 C из компл.7792 для 4844/4836/4837/4838 (работает с ориг.картриджами)</t>
  </si>
  <si>
    <t xml:space="preserve"> HP c4837 M из компл.7792 для 4844/4836/4837/4838 (работает с ориг.картриджами)</t>
  </si>
  <si>
    <t xml:space="preserve"> HP c4838 Y из компл.7792 для 4844/4836/4837/4838 (работает с ориг.картриджами)</t>
  </si>
  <si>
    <t xml:space="preserve"> HP c4844 bl из компл.7931 для СНПЧ 4844/4911/4912/4913 (ведущий чип под пустышки)</t>
  </si>
  <si>
    <t xml:space="preserve"> HP c4844/4836/4837/4838 компл.для ДЗК\СНПЧ</t>
  </si>
  <si>
    <t xml:space="preserve"> HP c4844/4911/4912/4913 компл. для СНПЧ</t>
  </si>
  <si>
    <t xml:space="preserve"> HP c4911 C из компл. для ДЗК 4844/4911/4912/4913 (работает с ориг.картриджами)</t>
  </si>
  <si>
    <t xml:space="preserve"> HP c4912 M для ДЗК</t>
  </si>
  <si>
    <t xml:space="preserve"> HP c4913 Y для ДЗК</t>
  </si>
  <si>
    <t xml:space="preserve"> HP c5016 №84 Black for plotter HP DesignJet 30\90\120\130 обнуляемый</t>
  </si>
  <si>
    <t xml:space="preserve"> HP c8721he №177 необнуляемый</t>
  </si>
  <si>
    <t xml:space="preserve"> HP ce278/ ce285/ ce505x/ ce255x/cc364x for p1566/1606/p1102/p2055/ 2035/ p3015/p4015/4515/ Canon MF4410/4412/4420/4550/4570/LBP 8610/8620 ( ICH-U12)</t>
  </si>
  <si>
    <t xml:space="preserve"> HP CE285A/278A/CB435A/436A/CE505A/CC364A/CE 255A for 1102/1566/1005/1505/2035/2055/4015/3015</t>
  </si>
  <si>
    <t xml:space="preserve"> HP CF-283X 2.2к  for M201n Pro (CF455A)/M225 Pro MFP | M225dn Pro MFP (CF484A) | M225dw Pro MFP (CF485A) | M225rdn Pro MFP (CF486A)/ CRG-137/337/737</t>
  </si>
  <si>
    <t xml:space="preserve"> HP CLJ 3800/1600/2600/2605/CM1015/1017 (Q7581A/Q6001A) Cyan</t>
  </si>
  <si>
    <t xml:space="preserve"> HP CLJ 3800/1600/2600/2605/CM1015/1017 (Q7582A/Q6002A) Yellow</t>
  </si>
  <si>
    <t xml:space="preserve"> HP CLJ 3800/1600/2600/2605/CM1015/1017 (Q7583A/Q6003A) Magenta</t>
  </si>
  <si>
    <t xml:space="preserve"> HP color CE322A univers Y for Color LJ Pro CP1525/2020/2025/3525/4025/1025/CM1415/ 2320  (CE324a/ce254a/ce314a/cc534a/ce264a) ICN-U16Y</t>
  </si>
  <si>
    <t xml:space="preserve"> HP color CF351A-C for 153/176/177 () 1K Cyan</t>
  </si>
  <si>
    <t xml:space="preserve"> HP color CF352A-Y-1K  for CLJ M153/176/177</t>
  </si>
  <si>
    <t xml:space="preserve"> HP color CF353A-M for 153/176/177 () 1К Magenta</t>
  </si>
  <si>
    <t xml:space="preserve"> HP color CF400A  Black for Pro M252/M277</t>
  </si>
  <si>
    <t xml:space="preserve"> HP color CF401A  C for Pro M252/M277</t>
  </si>
  <si>
    <t xml:space="preserve"> HP color CF402A  Y for Pro M252/M277</t>
  </si>
  <si>
    <t xml:space="preserve"> HP color CF403A  M for Pro M252/M277</t>
  </si>
  <si>
    <t xml:space="preserve"> HP color CP 1215/1515/1518/CM 1312 Magenta 1,4k (dedicated chips for cb542)</t>
  </si>
  <si>
    <t xml:space="preserve"> HP color Pro M477/M452/M477 (CF410A) Black</t>
  </si>
  <si>
    <t xml:space="preserve"> HP color Pro M477/M452/M477 (CF411A) Cyan</t>
  </si>
  <si>
    <t xml:space="preserve"> HP color Pro M477/M452/M477 (CF412A) Yellow</t>
  </si>
  <si>
    <t xml:space="preserve"> HP drum for CLJ CP1025/CP1025nw/Canon LBP7010C/7018C/729 H-CE314A-14K DRUM</t>
  </si>
  <si>
    <t xml:space="preserve"> HP for CB436A</t>
  </si>
  <si>
    <t xml:space="preserve"> HP for CE255A for HP P3015/P3015d/P3015dn/P3015X</t>
  </si>
  <si>
    <t xml:space="preserve"> HP for drum HP 8500 / 8550</t>
  </si>
  <si>
    <t xml:space="preserve"> HP №84/85 комплект 6 чипов для картриджей необнуляемые</t>
  </si>
  <si>
    <t xml:space="preserve"> HP №85 (c5016, c4911, c9426-9429) for  DJ 30\ 130 autoreset</t>
  </si>
  <si>
    <t xml:space="preserve"> HP P4014/4015/4515 (CC364A)</t>
  </si>
  <si>
    <t xml:space="preserve"> HP ДЗК 8721H(8719H)/8771H-8775H  Ver.HP177 for HP Photosmart 3100 series/3108/3110/3210/3310\ HP 7163</t>
  </si>
  <si>
    <t xml:space="preserve"> HP ДЗК autochip №72(C9370-9374+С9403) for DJ T1100/Т770/Т610/ T790/ T620/ T1120/ 1200/ T1300/ T2300 автосбрасываемый</t>
  </si>
  <si>
    <t xml:space="preserve"> HP СНПЧ 8721W(8719W)/8771W-8775W (V.HP-02) for Photosmart D7300 series/D7345/D7355/D7360/D7368/ D7100 series/D7145/D7155/D7160/D7168</t>
  </si>
  <si>
    <t xml:space="preserve"> HP СНПЧ с565/с4911/с4912/с4913)  for Design jet 500/510/800/810//820/815 (4 цвета)</t>
  </si>
  <si>
    <t xml:space="preserve"> Lexmark Optra E250/350/352 (3500 стр.) (Solution)</t>
  </si>
  <si>
    <t xml:space="preserve"> for KX-MB 1500</t>
  </si>
  <si>
    <t xml:space="preserve"> Samsung CLP-300\CLX-3160/Rx Ph 6110 Bl (euro version)</t>
  </si>
  <si>
    <t xml:space="preserve"> Samsung CLP-300\CLX-3160/Rx Ph 6110 C (euro version)</t>
  </si>
  <si>
    <t xml:space="preserve"> Samsung CLP-300\CLX-3160/Rx Ph 6110 M (euro version)</t>
  </si>
  <si>
    <t xml:space="preserve"> Samsung CLP-300\CLX-3160/Rx Ph 6110 Y (euro version)</t>
  </si>
  <si>
    <t xml:space="preserve"> Samsung CLP-310 Bl (CLT-C409S) for clp-315/CLX-3170/317 chip</t>
  </si>
  <si>
    <t xml:space="preserve"> Samsung CLP-310 C (CLT-C409S) for clp-315/CLX-3170/317 chip</t>
  </si>
  <si>
    <t xml:space="preserve"> Samsung CLP-310 M (CLT-C409S) for clp-315/CLX-3170/317 chip</t>
  </si>
  <si>
    <t xml:space="preserve"> Samsung CLP-310 Y (CLT-C409S) for clp-315/CLX-3170/317 chip</t>
  </si>
  <si>
    <t xml:space="preserve"> Samsung CLP510 bl (china version) chip</t>
  </si>
  <si>
    <t xml:space="preserve"> Samsung CLP510 bl (korea version) chip</t>
  </si>
  <si>
    <t xml:space="preserve"> Samsung CLP510 C (china version) chip</t>
  </si>
  <si>
    <t xml:space="preserve"> Samsung CLP510 C (korea version) chip</t>
  </si>
  <si>
    <t xml:space="preserve"> Samsung CLP510 M (china version) chip</t>
  </si>
  <si>
    <t xml:space="preserve"> Samsung CLP510 M (korea version) chip</t>
  </si>
  <si>
    <t xml:space="preserve"> Samsung CLP510 Y (china version) chip</t>
  </si>
  <si>
    <t xml:space="preserve"> Samsung CLP510 Y (korea version) chip</t>
  </si>
  <si>
    <t xml:space="preserve"> Samsung CLT-K406 black for CLP-360/365/368/CLX-3300/3305 (1,5K)</t>
  </si>
  <si>
    <t xml:space="preserve"> Samsung CLT-K406 cyan for CLP-360/365/368/CLX-3300/3305 (1K)</t>
  </si>
  <si>
    <t xml:space="preserve"> Samsung CLT-K406 magenta for CLP-360/365/368/CLX-3300/3305 (1K)</t>
  </si>
  <si>
    <t xml:space="preserve"> Samsung CLT-K406 yellow for CLP-360/365/368/CLX-3300/3305 (1K)</t>
  </si>
  <si>
    <t xml:space="preserve"> Samsung ML 2150/2250/2550/RX PE-120/Ph 3150/3450 (CHC-S ML2150 8k) Universal (euro version</t>
  </si>
  <si>
    <t xml:space="preserve"> Samsung ML 2150\2151\2550\2551 universal (chn+kor+euro version)</t>
  </si>
  <si>
    <t xml:space="preserve"> Samsung ML 2250/2251N/2251NP/2252W/RX WC PE120/PE120i (asian version) Retech</t>
  </si>
  <si>
    <t xml:space="preserve"> Samsung ML-1630D2 for ML-1631/SCX4500/4501 chip 2k ICS-1630d2</t>
  </si>
  <si>
    <t xml:space="preserve"> Samsung ML-1640/2241/1641/1642/2240/2241 (MLT-P108A) chip</t>
  </si>
  <si>
    <t xml:space="preserve"> Samsung MLT-D101S for ML-2160 / 2162 / 2165 / 2167 / 2168, SCX-3400 / 3405 / 3407</t>
  </si>
  <si>
    <t xml:space="preserve"> Samsung MLTD101S-1,5K(up07.13) for Samsung ML-2160/2165/2168/SCX3400F/3405F/3407</t>
  </si>
  <si>
    <t xml:space="preserve"> Samsung MLT-D104S for ML-1665/1660/1661/1667/1670/1671/1675/16771673/1674/1860/1865/1861/1867/SCX-3200/3217/3205/3207/3210 (1,5K) ICS-1661</t>
  </si>
  <si>
    <t xml:space="preserve"> Samsung MLT-D105S ML-1910/1915/2525/2580/SCX-4600/SCX-4623F/FN</t>
  </si>
  <si>
    <t xml:space="preserve"> Samsung MLT-D109S for SCX-4300\ MLT-4310/4315 chip 2K ICS-4300</t>
  </si>
  <si>
    <t xml:space="preserve"> Samsung MLT-D111S/SEE  1к  for M2022W/M2020W/M2070W ()</t>
  </si>
  <si>
    <t xml:space="preserve"> Samsung MLT-D209L for SCX-4824FN/4828/4828FN/2855 chip</t>
  </si>
  <si>
    <t xml:space="preserve"> Samsung S-CLT407-C-1k Cyan for CLP-320/325/CLX3285</t>
  </si>
  <si>
    <t xml:space="preserve"> Samsung S-CLT407-K-1,5k Black for CLP-320/325/CLX3285</t>
  </si>
  <si>
    <t xml:space="preserve"> Samsung S-CLT407-M-1k Magenta for CLP-320/325/CLX3285</t>
  </si>
  <si>
    <t xml:space="preserve"> Samsung S-CLT407-Y-1k Yellow for CLP-320/325/CLX3285</t>
  </si>
  <si>
    <t xml:space="preserve"> Samsung SCX 3560\3561 (euro version)</t>
  </si>
  <si>
    <t xml:space="preserve"> Samsung SCX 4200 (korea version)</t>
  </si>
  <si>
    <t xml:space="preserve"> Samsung SCX 4720D5/ 4520 (Chinese version chip прошивка) Retech</t>
  </si>
  <si>
    <t xml:space="preserve"> Samsung SCX 4720D5/4520 (Korean version chip прошивка) Retech</t>
  </si>
  <si>
    <t xml:space="preserve"> Samsung SCX 4720D5/4520 5K (euro version) ICS-4720D5</t>
  </si>
  <si>
    <t xml:space="preserve"> Samsung SCX 4725 (euro version) 4K EXP</t>
  </si>
  <si>
    <t xml:space="preserve"> (socket)for  RX DC420/220/230 (113R00276/113R00277/113R90130)</t>
  </si>
  <si>
    <t xml:space="preserve"> (socket)for RX N24/32/40/3225/4025 (113R00184)</t>
  </si>
  <si>
    <t xml:space="preserve"> (плата) for  RX DC420/220/230 (113R00276/113R00277/113R90130)</t>
  </si>
  <si>
    <t xml:space="preserve"> for PE 120i (013R00606) Solution Print</t>
  </si>
  <si>
    <t xml:space="preserve"> for PE120 X-606-5k</t>
  </si>
  <si>
    <t xml:space="preserve"> for RX Ph 3010/3040/ WC3045 (2.3K) ICX-3010 (106R02183)</t>
  </si>
  <si>
    <t xml:space="preserve"> for RX Ph 3119 for  013R00625 3K ICX-3119</t>
  </si>
  <si>
    <t xml:space="preserve"> for RX Ph 3140/3155/3160 108R00909/108R00908 chip 2,5K</t>
  </si>
  <si>
    <t xml:space="preserve"> for RX Ph 3150 (euro) 109R00746/ 109R00747</t>
  </si>
  <si>
    <t xml:space="preserve"> for RX Ph 3200 for 113R00730 3K ICX-3200D3</t>
  </si>
  <si>
    <t xml:space="preserve"> for RX Ph 3635 (108r00796) 10k ICX-3635D10</t>
  </si>
  <si>
    <t xml:space="preserve"> for RX WC 3100 106R01379 смарт-карта</t>
  </si>
  <si>
    <t xml:space="preserve"> for RX WC 3210/3220 (106r01486/106R01487)  (4,1K) icx-3210</t>
  </si>
  <si>
    <t xml:space="preserve"> for RX WC 3550 11k 106r01531</t>
  </si>
  <si>
    <t xml:space="preserve"> for RX WC 4118 (006r01278) 8k ICX-4118</t>
  </si>
  <si>
    <t xml:space="preserve"> for RX WC PE-220 for 013R00621</t>
  </si>
  <si>
    <t>Disk</t>
  </si>
  <si>
    <t xml:space="preserve"> Стримерная лента  HP DLT IV 40/80GB (C5141F) распродажа</t>
  </si>
  <si>
    <t xml:space="preserve"> Zip 250 mb Iomega распродажа</t>
  </si>
  <si>
    <t xml:space="preserve"> коробочка для CD\DVD</t>
  </si>
  <si>
    <t xml:space="preserve"> коробочка для CD\DVD for 2 DVD</t>
  </si>
  <si>
    <t xml:space="preserve"> коробочка для CD\DVD for 2 DVD slim</t>
  </si>
  <si>
    <t xml:space="preserve"> коробочка для CD\DVD slim</t>
  </si>
  <si>
    <t xml:space="preserve"> mini DVD+RW  1,4gb/30min 8sm Sony DPW30A for camcorder</t>
  </si>
  <si>
    <t xml:space="preserve"> mini DVD-R 1,4gb/30min 8sm DMR30A  for camcorder</t>
  </si>
  <si>
    <t xml:space="preserve"> DVD+R 4,7 GB Verbatim 16x silver ОЕМ по 1 штуке</t>
  </si>
  <si>
    <t xml:space="preserve"> DVD-R 4,7 GB Verbatim 16x Matte Silver (43549) spindel 100шт</t>
  </si>
  <si>
    <t xml:space="preserve"> mini DVD+RW 1,4gb(30min)  Verbatim, 4x,8cm, Hardcoated VERBATIM (43565) for camcorder</t>
  </si>
  <si>
    <t xml:space="preserve"> MO 3,5" 1,3Gb Verbatim/ Mitsubishi распродажа</t>
  </si>
  <si>
    <t xml:space="preserve"> MO 3,5" 640mb Verbatim Re#91250 распродажа</t>
  </si>
  <si>
    <t xml:space="preserve"> Стримерная лента Dat Tape DL 125m (DDS3) 4mm 12/24Gb  Verbatim (HP c5708a DAT 24)</t>
  </si>
  <si>
    <t>FDD</t>
  </si>
  <si>
    <t xml:space="preserve"> 3.5" sony/samsung/Mitsumi/Alps (6 мес) white</t>
  </si>
  <si>
    <t>Video</t>
  </si>
  <si>
    <t xml:space="preserve"> Palit GeForceFX 5200 128MB DDR 64bit w/Tvout</t>
  </si>
  <si>
    <t xml:space="preserve"> Palit GeForceFX 7300GS 128MB DDR2 64bit PCI-E, w/Tvout</t>
  </si>
  <si>
    <t xml:space="preserve"> Palit Radeon 9200SE 128Mb 64bit DDR w/Tvout</t>
  </si>
  <si>
    <t>Ram</t>
  </si>
  <si>
    <t xml:space="preserve"> DDR  DIMM 128Mb 333MHz PC2700</t>
  </si>
  <si>
    <t xml:space="preserve"> TS2GXDPCM  xD-Picture Card</t>
  </si>
  <si>
    <t>CPU</t>
  </si>
  <si>
    <t xml:space="preserve"> Intel, Pentium-4, 2.4BGHz N, 533MHz, S-478 µPGA,1Mb, box распродажа</t>
  </si>
  <si>
    <t>Microfon/наушники</t>
  </si>
  <si>
    <t xml:space="preserve"> Headset Genius HP-04Live</t>
  </si>
  <si>
    <t xml:space="preserve"> Headset Genius HS-02V</t>
  </si>
  <si>
    <t xml:space="preserve"> Headset Genius HS-03A</t>
  </si>
  <si>
    <t>Box</t>
  </si>
  <si>
    <t xml:space="preserve"> PUG1001 USB Xmas Trees (ёлочка-светится)</t>
  </si>
  <si>
    <t xml:space="preserve"> Свич 4*1 для принтеров ручной двунаправленный распродажа</t>
  </si>
  <si>
    <t>Connektor</t>
  </si>
  <si>
    <t xml:space="preserve">  RJ-45 5 кат.</t>
  </si>
  <si>
    <t xml:space="preserve"> I распродажа</t>
  </si>
  <si>
    <t xml:space="preserve"> RJ-9 4P4C (Телефонная трубка)</t>
  </si>
  <si>
    <t xml:space="preserve"> T распродажа</t>
  </si>
  <si>
    <t xml:space="preserve"> ПЕРЕХОДНИК клавиатуры  AT НА PS/2</t>
  </si>
  <si>
    <t>Mouse</t>
  </si>
  <si>
    <t xml:space="preserve"> A4 Tech OP620D PS/2 Black optical (колесик-прокрутка, кнопка двойного клика "2x Click", оптическая, маленькая)</t>
  </si>
  <si>
    <t xml:space="preserve"> Genius NetScroll 310 optical (колесик-прокрутка, оптическая), silver, USB</t>
  </si>
  <si>
    <t xml:space="preserve"> HP (с прокруткой) PS/2 OEM</t>
  </si>
  <si>
    <t xml:space="preserve">  Ice mouse, ps/2 (три кнопки) распродажа</t>
  </si>
  <si>
    <t xml:space="preserve">  KM-200 ps/2 распродажа</t>
  </si>
  <si>
    <t xml:space="preserve">  Orion (колесик-прокрутка) ps/2 M-818</t>
  </si>
  <si>
    <t xml:space="preserve">  Scrolling Mouse pctek PCM-62W(колесик-прокрутка) ps/2</t>
  </si>
  <si>
    <t xml:space="preserve"> 3D optical mouse black USB (rating 5V 100ma) колесико</t>
  </si>
  <si>
    <t>Transformer/блок питания</t>
  </si>
  <si>
    <t xml:space="preserve"> БП c0957-2262 100-240VAC,32Vx2000ma для принтера HP OJ Pro 8000/8500</t>
  </si>
  <si>
    <t xml:space="preserve"> БП с9931-80001 100-240VAC,32V DCx2500ma  Б/У для сканера НР8200/8250/8290</t>
  </si>
  <si>
    <t xml:space="preserve"> DC 12V, 0,5A (внешний) для термоконтроллера блок питания</t>
  </si>
  <si>
    <t xml:space="preserve"> Блок питания АТХ для PIV 300W</t>
  </si>
  <si>
    <t xml:space="preserve"> Блок питания АТХ для PIV 300W б/у</t>
  </si>
  <si>
    <t>Cable (шт)</t>
  </si>
  <si>
    <t xml:space="preserve"> для KVM HP Cable (kvm/monitor/keyboard/mouse ps/2</t>
  </si>
  <si>
    <t xml:space="preserve">  АУДИО для CD-ROM распродажа</t>
  </si>
  <si>
    <t xml:space="preserve"> 25f*9m  модемный</t>
  </si>
  <si>
    <t xml:space="preserve"> 25m*25m 1,8m автосвич</t>
  </si>
  <si>
    <t xml:space="preserve"> 25m*25m 3m автосвич</t>
  </si>
  <si>
    <t xml:space="preserve"> 25m*8 модемный  (for Apple/Macintosh/Newton/eMate)</t>
  </si>
  <si>
    <t xml:space="preserve"> 9f*9f mama-mama 1,5m (DB 09FW - DB 09FW) for com-port</t>
  </si>
  <si>
    <t xml:space="preserve"> BITRONICS 5 m /centronics-ПОЛНАЯ РАСПАЙКА 25 ПРОВОДОВ/</t>
  </si>
  <si>
    <t xml:space="preserve"> Patch Cord FTP кат.5e, 8 м (Экранированный)</t>
  </si>
  <si>
    <t xml:space="preserve"> Patch Cord UTP кат.5  3м</t>
  </si>
  <si>
    <t xml:space="preserve"> Patch Cord UTP кат.6  1,5 м</t>
  </si>
  <si>
    <t xml:space="preserve"> Phone cable RJ-11 (2 контакта) 1,2 метра pathcord</t>
  </si>
  <si>
    <t xml:space="preserve"> Phone cable RJ-11 (4 контакта) 1,2 метра pathcord</t>
  </si>
  <si>
    <t xml:space="preserve"> USB  A--B 10м (экранированный с фильтрами на обоих концах) для принтера</t>
  </si>
  <si>
    <t xml:space="preserve"> USB  AM-AF 1,8м (удлинитель для подключения usb flash card) 1 ферритовый фильтр</t>
  </si>
  <si>
    <t xml:space="preserve"> USB  AM-AF 3м (удлинитель для подключения usb flash card) 1 ферритовый фильтр</t>
  </si>
  <si>
    <t xml:space="preserve"> кабель-канал 100*40 DKC NEA угол внешний неизменяемый</t>
  </si>
  <si>
    <t xml:space="preserve"> кабель-канал 100*40 DKC NEAV угол внешний изменяемый</t>
  </si>
  <si>
    <t xml:space="preserve"> монитор-системный блок 1,2m  /питания/ (case-monitor) 3*0,75mm2</t>
  </si>
  <si>
    <t xml:space="preserve"> переходник кабеля китай (плоские контакты) на европу (круглые контакты)</t>
  </si>
  <si>
    <t xml:space="preserve"> питания системного блока (китайский 3 штырьковый разъем)</t>
  </si>
  <si>
    <t xml:space="preserve"> питания системного блока 1,8m (power cable for case) 3*0,75mm2</t>
  </si>
  <si>
    <t xml:space="preserve"> шнур с вилкой</t>
  </si>
  <si>
    <t>Cable (м)</t>
  </si>
  <si>
    <t xml:space="preserve"> FTP 5e  SHIP  D106-P  4x2x1/0.51мм, РЕ,  (Для внешней прокладки) за 1м</t>
  </si>
  <si>
    <t xml:space="preserve"> FTP 5e SHIP D145-P (метражем) 4 pairs (цена за 1м) PVC медь 0,51мм экранированный</t>
  </si>
  <si>
    <t xml:space="preserve"> UTP 5e A&amp;P (305m/carton) 4 pairs (за 1m)</t>
  </si>
  <si>
    <t xml:space="preserve"> UTP 5e катег. 100 mbit (2 pairs)  (за 1 м)</t>
  </si>
  <si>
    <t>Filter power</t>
  </si>
  <si>
    <t xml:space="preserve"> Сетевой разветвитель на 6 розеток (2.3 м) Tripp Lite</t>
  </si>
  <si>
    <t xml:space="preserve"> Сетевой разветвитель на 6 розеток (5 м) Tripp Lite model JR16-1379T-5</t>
  </si>
  <si>
    <t>Fan</t>
  </si>
  <si>
    <t xml:space="preserve"> for cpu AMD Athlon XP up to 2400+ / Duron up to 1,7Ghz распродажа</t>
  </si>
  <si>
    <t xml:space="preserve"> термопаста силиконовая для радиатора шприц 30 г</t>
  </si>
  <si>
    <t>HUB</t>
  </si>
  <si>
    <t xml:space="preserve"> HP J2552 JetDirect 10 Base-T Printer Card 5182-4752 RJ-45 BNC &amp; Local talk</t>
  </si>
  <si>
    <t xml:space="preserve"> HP J3113A JetDirect 600n Fast Ethernet Internal (10/100Base-TX, EIO, LJ 2100/4000/4050/5000/8000/8100 Color LJ 4500/8500 Mopier 240/320/9100C Digital Sender) БУ распродажа</t>
  </si>
  <si>
    <t xml:space="preserve"> USB Print Server 10/100Mbit usb 1.1</t>
  </si>
  <si>
    <t>Socket</t>
  </si>
  <si>
    <t xml:space="preserve"> розетка RJ-45  3 кат. На 2 входа</t>
  </si>
  <si>
    <t>Modem</t>
  </si>
  <si>
    <t xml:space="preserve"> H7920-RGM2  GPRS router  (кор.20штук, 12.5кг)(56*40*27)</t>
  </si>
  <si>
    <t>Controller</t>
  </si>
  <si>
    <t xml:space="preserve"> C61F-GP 220V, 5A уровня воды (автоматический режим)</t>
  </si>
  <si>
    <t xml:space="preserve"> C61F-GP-contact - датчик воды для контроллера (нержавеющий контакт на изолированном проводнике)</t>
  </si>
  <si>
    <t xml:space="preserve"> Nero P-5.7M для управления эл.двигателями гаражных вопрот,маркиз,роллет и др.электронагрузкой и освещением (без радиопульта МП-4КМ)</t>
  </si>
  <si>
    <t xml:space="preserve"> влажность AL2010F 220в\5а\01-99% RH\шаг 1%RH</t>
  </si>
  <si>
    <t xml:space="preserve"> термо AL5010F безкорпуса 12в\10а\-50град до 110град\шаг 0.1град\охлажд-нагрев (инкубаторы,холодильники, отопление)</t>
  </si>
  <si>
    <t xml:space="preserve"> термо MH1210W 220в\10А\-50град до+110град\шаг 0,1град\охлажд-нагрев (инкубаторы,холодильники, отопление)</t>
  </si>
  <si>
    <t xml:space="preserve"> термо\влажность AL3010F 220в\5а\0град-99град\0-99% RH\шаг-1град,-5% RH,для инкубаторов</t>
  </si>
  <si>
    <t xml:space="preserve"> термодатчик для контроллеров NTC 10K 1% 3950, длина 1м, водонепроницаемый</t>
  </si>
  <si>
    <t>Канцтовары</t>
  </si>
  <si>
    <t xml:space="preserve">  вакуум.retort пакет алюм. 07*10см 2*100мк PET\NY\AL\CPP до 130градС непрозрачный</t>
  </si>
  <si>
    <t xml:space="preserve">  вакуум.retort пакет алюм. 09*13см 2*100мк PET\NY\AL\CPP до 130градС непрозрачный</t>
  </si>
  <si>
    <t xml:space="preserve">  вакуум.retort пакет гладкий 15*20см 2*90мк PA\CPP до 120градС прозрачный</t>
  </si>
  <si>
    <t xml:space="preserve">  вакуум.retort пакет гладкий 20*30см 2*100мк PA\R-CPP до 120градС прозрачный DT-001</t>
  </si>
  <si>
    <t xml:space="preserve">  вакуум.retort пакет гладкий 30*40см 2*100мк PA\R-CPP до 120градС прозрачный DT-002</t>
  </si>
  <si>
    <t xml:space="preserve">  вакуум.пакет гладкий  8*15см 2*65мк PET/PE</t>
  </si>
  <si>
    <t xml:space="preserve">  вакуум.пакет гладкий  9*16см 2*65мк PET/PE</t>
  </si>
  <si>
    <t xml:space="preserve">  вакуум.пакет гладкий  9*16см 2*65мк PET/PE (цена за 1 кор.=1000штук)</t>
  </si>
  <si>
    <t xml:space="preserve">  вакуум.пакет гладкий 10*25см 2*62мк PET/PE</t>
  </si>
  <si>
    <t xml:space="preserve">  вакуум.пакет гладкий 10*25см 2*62мк PET/PE (цена за 1 кор.=1000штук)</t>
  </si>
  <si>
    <t xml:space="preserve">  вакуум.пакет гладкий 10*44см 2*55мк европетля OPA/PE</t>
  </si>
  <si>
    <t xml:space="preserve">  вакуум.пакет гладкий 11*36см 2*55мк европетля OPA/PE</t>
  </si>
  <si>
    <t xml:space="preserve">  вакуум.пакет гладкий 12*18см 2*62мк PET/PE</t>
  </si>
  <si>
    <t xml:space="preserve">  вакуум.пакет гладкий 12*18см 2*62мк PET/PE (цена за 2000шт.в кор)</t>
  </si>
  <si>
    <t xml:space="preserve">  вакуум.пакет гладкий 13*42см 2*72мк PET/PE</t>
  </si>
  <si>
    <t xml:space="preserve">  вакуум.пакет гладкий 13*42см 2*72мк PET/PE (цена за 1500шт в кор.)</t>
  </si>
  <si>
    <t xml:space="preserve">  вакуум.пакет гладкий 14*20см 2*100мк OPP\VMPET\PE прозрачн+метализир.лавсан+застежка+стаканчик  KP-144</t>
  </si>
  <si>
    <t xml:space="preserve">  вакуум.пакет гладкий 14*22см 2*70мк PET/PE</t>
  </si>
  <si>
    <t xml:space="preserve">  вакуум.пакет гладкий 15*20см 2*90мк OPP\VMPET\PE метализир.лавсан  KP-154</t>
  </si>
  <si>
    <t xml:space="preserve">  вакуум.пакет гладкий 15*22см 2*100мк PET/AL/PE KP-088</t>
  </si>
  <si>
    <t xml:space="preserve">  вакуум.пакет гладкий 16*21см 2*62мк PET/PE</t>
  </si>
  <si>
    <t xml:space="preserve">  вакуум.пакет гладкий 16*21см 2*62мк PET/PE (цена за 1 кор.=1000штук)</t>
  </si>
  <si>
    <t xml:space="preserve">  вакуум.пакет гладкий 16*25см 2*62мк PET/PE (цена за 1 кор.=1000штук)</t>
  </si>
  <si>
    <t xml:space="preserve">  вакуум.пакет гладкий 16*35см 2*72мк PET/PE</t>
  </si>
  <si>
    <t xml:space="preserve">  вакуум.пакет гладкий 18*25см 2*72мк OPA/PE</t>
  </si>
  <si>
    <t xml:space="preserve">  вакуум.пакет гладкий 18*28см 2*72мк PET/PE</t>
  </si>
  <si>
    <t xml:space="preserve">  вакуум.пакет гладкий 18*28см 2*72мк PET/PE (цена за 1 кор.=1000штук)</t>
  </si>
  <si>
    <t xml:space="preserve">  вакуум.пакет гладкий 20*30см 2*65мк OPA/PE</t>
  </si>
  <si>
    <t xml:space="preserve">  вакуум.пакет гладкий 20*30см 2*65мк OPA/PE (цена за 1 кор.=1200штук)</t>
  </si>
  <si>
    <t xml:space="preserve">  вакуум.пакет гладкий 20*30см 2*80мк LDPE/РА/LLDPE  (ПЭ высок.давления\полиамид10%\антиблок 5%) (цена за 1 кор.=1000штук)</t>
  </si>
  <si>
    <t xml:space="preserve">  вакуум.пакет гладкий 20*30см 2*80мк LDPE/РА/LLDPE  (ПЭ высок.давления\полиамид10%\антиблок 5%) идеально для упаковки денег</t>
  </si>
  <si>
    <t xml:space="preserve">  вакуум.пакет гладкий 25*35см 2*65мк OPA/PE (цена за 1 кор.=1000штук)</t>
  </si>
  <si>
    <t xml:space="preserve">  вакуум.пакет гладкий 25*35см 2*68мк PET/PE</t>
  </si>
  <si>
    <t xml:space="preserve">  вакуум.пакет гладкий 30*40см 2*65мк OPA/PE цена за 1 кор=600шт.в кор)</t>
  </si>
  <si>
    <t xml:space="preserve">  вакуум.пакет гладкий 30*40см 2*72мк PET/PE</t>
  </si>
  <si>
    <t xml:space="preserve">  вакуум.пакет рубчиком 10*15см 2*80мк PA/PE</t>
  </si>
  <si>
    <t xml:space="preserve">  вакуум.пакет рубчиком 15*25см 2*80мк PA/PE</t>
  </si>
  <si>
    <t xml:space="preserve">  вакуум.пакет рубчиком 20*30см 2*80мк PA/PE</t>
  </si>
  <si>
    <t xml:space="preserve">  вакуум.пакет рубчиком 20*30см 2*80мк PA/PE цена за 1 коробку (200 штук)</t>
  </si>
  <si>
    <t xml:space="preserve">  вакуум.пакет рубчиком 22*30см 2*100мк PA/PE DT-003</t>
  </si>
  <si>
    <t xml:space="preserve">  вакуум.пакет рубчиком 28*40см 2*80мк PA/PE</t>
  </si>
  <si>
    <t xml:space="preserve">  вакуум.рулон гладкий 15см*40м 2*80мк</t>
  </si>
  <si>
    <t xml:space="preserve">  вакуум.рулон гладкий 22см*40м 2*80мк DT-004</t>
  </si>
  <si>
    <t xml:space="preserve">  вакуум.рулон рубчиком 22*500см 2*80мк PA/PE DT-005 vacuum ribbed roll</t>
  </si>
  <si>
    <t xml:space="preserve">  пакет прозрачный с замком 15*20см (упак.60штук)</t>
  </si>
  <si>
    <t xml:space="preserve">  пакеты целоф.большой 48*76см(24 пакетов в пачке) за пачку</t>
  </si>
  <si>
    <t xml:space="preserve">  пакеты целоф.малый 24*40см(200 пакетов в рулоне) за рулончек</t>
  </si>
  <si>
    <t xml:space="preserve">  пакеты целоф.средний 35*58см(35 пакетов в пачке) за пачку</t>
  </si>
  <si>
    <t xml:space="preserve"> бумага для записей 91*87 (300листов) кубик Deli в пластике</t>
  </si>
  <si>
    <t xml:space="preserve"> грифель 0,7мм HB для механического карандаша (20шт в коробке)</t>
  </si>
  <si>
    <t xml:space="preserve"> закладки клеющаяся бумажн. 5цветов76мм*51мм 100штук Kadisi</t>
  </si>
  <si>
    <t xml:space="preserve"> закладки клеющаяся пластик 5цветов45*12мм*25штук Fantastick</t>
  </si>
  <si>
    <t xml:space="preserve"> замазка белая Retype 20ml correction fluid</t>
  </si>
  <si>
    <t xml:space="preserve"> калькулятор  CITIZEN SDС 888XBK 12 больших разрядов</t>
  </si>
  <si>
    <t xml:space="preserve"> карандаш механический (диаметр стержня 0,7 мм) за 1 шт</t>
  </si>
  <si>
    <t xml:space="preserve"> карандаш простой 2HB (набор 12шт) Flamingo</t>
  </si>
  <si>
    <t xml:space="preserve"> клей сухой glue stick 15g Dolphin безцветный, сильный</t>
  </si>
  <si>
    <t xml:space="preserve"> конверт A4 (9*12,75inch) 22,9*32,4sm упаковка 50штук белые Envelopes</t>
  </si>
  <si>
    <t xml:space="preserve"> конверт A5 10*7inch (254*178mm) упаковка 50штук Jaya</t>
  </si>
  <si>
    <t xml:space="preserve"> конверт EURO 4,5*9inch (114*229mm) упаковка 50штук Jaya</t>
  </si>
  <si>
    <t xml:space="preserve"> лезвия для ножа широке (компл10шт)</t>
  </si>
  <si>
    <t xml:space="preserve"> Маркеп Paint(Sipa) 3mm белый SP-110 для любых поверхностей (перед употреблением интенсивно встряхивать)</t>
  </si>
  <si>
    <t xml:space="preserve"> Маркер Deli  0,6мм перманент черный  для CD, DVD за 1 штуку Deli #6824</t>
  </si>
  <si>
    <t xml:space="preserve"> Маркер Deli 0,6мм перманент красный  для CD, DVD за 1 штуку Deli #6824</t>
  </si>
  <si>
    <t xml:space="preserve"> Маркер Gixin 3mm красный перманент для металла, пластика, стекла, дерева G-113 (за 1 штуку)</t>
  </si>
  <si>
    <t xml:space="preserve"> Маркер Gixin 3mm черный перманент для металла, пластика, стекла, дерева G-113 (за 1 штуку)</t>
  </si>
  <si>
    <t xml:space="preserve"> маркер Snowman 10mm красный перманент за 1шт</t>
  </si>
  <si>
    <t xml:space="preserve"> нож для бумаги со сменным лезвием и железным наконечником</t>
  </si>
  <si>
    <t xml:space="preserve"> папки-регистраторы формата A4, ширина корешка 8 см, синего цвета</t>
  </si>
  <si>
    <t xml:space="preserve"> резинка для денег size16 (коробка 100гр) Flamingo</t>
  </si>
  <si>
    <t xml:space="preserve"> ручка гелевая Linc синяя, упаковка 12 штук (за 1 уп.)</t>
  </si>
  <si>
    <t xml:space="preserve"> ручка гелевая Linc черная, упаковка 12 штук (0,5mm point) (за 1 уп.)</t>
  </si>
  <si>
    <t xml:space="preserve"> ручка красная гелевая 0,5mm  Aihao  упаковка 12шт (за1 уп.)</t>
  </si>
  <si>
    <t xml:space="preserve"> ручка НЕгелевая Cello cиняя упаковка 10 шт.(за 1 уп.)</t>
  </si>
  <si>
    <t xml:space="preserve"> скоба степл. №10-1m (1000шт) Kangaro</t>
  </si>
  <si>
    <t xml:space="preserve"> скоросшиватель "Дело" из плотного картона</t>
  </si>
  <si>
    <t xml:space="preserve"> скотч прозрачный 48мм*95м (scotch master)</t>
  </si>
  <si>
    <t xml:space="preserve"> скотч прозрачный 48мм*95м (scotch master)(36шт в кор)цена за 1 кор.</t>
  </si>
  <si>
    <t xml:space="preserve"> скотч с логотипом "Lomond" 48мм*200м*50мкм втулка 76,2мм</t>
  </si>
  <si>
    <t xml:space="preserve"> скрепки 431(31мм) (коробочка 100штук) Buromax</t>
  </si>
  <si>
    <t xml:space="preserve"> файл прозрачный A4  40mk (11 дырочек) цена за пачку 100штук</t>
  </si>
  <si>
    <t xml:space="preserve"> файл прозрачный A4  60mk (11 дырочек) цена за пачку 100штук</t>
  </si>
  <si>
    <t xml:space="preserve"> файл прозрачный A4  80mk (11 дырочек) цена за пачку 100штук</t>
  </si>
  <si>
    <t xml:space="preserve"> файл прозрачный A4 100mk (11 дырочек) цена за пачку 100штук</t>
  </si>
  <si>
    <t xml:space="preserve"> бумага для записей 91*91 (500листов) кубик</t>
  </si>
  <si>
    <t xml:space="preserve"> маркер Snowman 10мм черный перманент за 1шт</t>
  </si>
  <si>
    <t>Internet</t>
  </si>
  <si>
    <t xml:space="preserve"> Dr.Web Security Space для 2х ПК + 2 моб.устр.на 1год + 1 мес.в подарок http://products.drweb.kz/box/ss</t>
  </si>
  <si>
    <t>Элементы питания</t>
  </si>
  <si>
    <t xml:space="preserve"> Camelion  AAA Digi Alkaline  LR03-BP2DG  1250а\ч  (цена за блистер 2шт)</t>
  </si>
  <si>
    <t xml:space="preserve"> Camelion AA FR6-BP4, Lithium P7, 1.5V, 3000 mAh, (цена за4 шт) Блистер</t>
  </si>
  <si>
    <t xml:space="preserve"> Camelion AA Rechargeable NH-AA2700LBP4, Lockbox  1.2V, 2700 mAh, (цена за 4 шт) Блистер аккумулятор</t>
  </si>
  <si>
    <t xml:space="preserve"> Camelion AAA R03P-BP4B, Super Heavy Duty,1.5V, 550mAh   (цена за блистер 4шт)</t>
  </si>
  <si>
    <t xml:space="preserve"> G0/ LR521/ 379/ SR521W/ LR512/ LR63 (5.8mm*2.1mm, 1.5v, 10mah)</t>
  </si>
  <si>
    <t xml:space="preserve"> G10/ BP10/ AG10/ AG0-BP10/ LR1130/ 189/ SR1130W/ LR54/ 389/ GP89AV10GA/RW49 (диаметр 11.6мм, высота 3.1мм, 1,5v, 70ма/ч)</t>
  </si>
  <si>
    <t xml:space="preserve"> G13/	LR44, AG13, LR1154, V13GA, RW82, 357a, A76, МЦ1154 (ДИАМЕТР 11,6мм, высота 5,4мм, 1.5в, 150ма/ч)</t>
  </si>
  <si>
    <t xml:space="preserve"> G4 (377) LR626, LR66, LR626/ 177/ SR626W/ GP77A (200/1600/145600) (6.8*2.6mm, 1.5v, 100mah) Часовая батарея Трофи подходит на ДЗК</t>
  </si>
  <si>
    <t>Наименование товара</t>
  </si>
  <si>
    <t>Розница</t>
  </si>
  <si>
    <t>Мелкий опт</t>
  </si>
  <si>
    <t>Фото</t>
  </si>
  <si>
    <t>Master Inc.</t>
  </si>
  <si>
    <t xml:space="preserve">вопросы по продукции Lomond сюда </t>
  </si>
  <si>
    <t>вопросы по сервису, обслуживанию и заправкам сюда</t>
  </si>
  <si>
    <t>вопросы по поставкам сюда</t>
  </si>
  <si>
    <t>Свежий прайс-лист находится по адресу   http://www.shop-masterinc.kz</t>
  </si>
  <si>
    <t>Цены указаны в тенге</t>
  </si>
</sst>
</file>

<file path=xl/styles.xml><?xml version="1.0" encoding="utf-8"?>
<styleSheet xmlns="http://schemas.openxmlformats.org/spreadsheetml/2006/main">
  <fonts count="6">
    <font>
      <sz val="10"/>
      <color indexed="8"/>
      <name val="Arial"/>
      <charset val="204"/>
    </font>
    <font>
      <sz val="7"/>
      <color indexed="8"/>
      <name val="Arial Cyr"/>
      <charset val="204"/>
    </font>
    <font>
      <sz val="7"/>
      <color indexed="8"/>
      <name val="Arial"/>
      <family val="2"/>
      <charset val="204"/>
    </font>
    <font>
      <b/>
      <sz val="7"/>
      <color indexed="8"/>
      <name val="Arial"/>
      <family val="2"/>
      <charset val="204"/>
    </font>
    <font>
      <b/>
      <sz val="20"/>
      <color indexed="12"/>
      <name val="Arial Cyr"/>
      <family val="2"/>
      <charset val="204"/>
    </font>
    <font>
      <u/>
      <sz val="10"/>
      <color indexed="12"/>
      <name val="Arial Cyr"/>
      <charset val="204"/>
    </font>
  </fonts>
  <fills count="4">
    <fill>
      <patternFill patternType="none"/>
    </fill>
    <fill>
      <patternFill patternType="gray125"/>
    </fill>
    <fill>
      <patternFill patternType="solid">
        <fgColor indexed="22"/>
        <bgColor indexed="0"/>
      </patternFill>
    </fill>
    <fill>
      <patternFill patternType="solid">
        <fgColor indexed="22"/>
        <bgColor indexed="64"/>
      </patternFill>
    </fill>
  </fills>
  <borders count="3">
    <border>
      <left/>
      <right/>
      <top/>
      <bottom/>
      <diagonal/>
    </border>
    <border>
      <left style="thin">
        <color indexed="8"/>
      </left>
      <right style="thin">
        <color indexed="8"/>
      </right>
      <top style="thin">
        <color indexed="8"/>
      </top>
      <bottom style="thin">
        <color indexed="8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2">
    <xf numFmtId="0" fontId="0" fillId="0" borderId="0"/>
    <xf numFmtId="0" fontId="5" fillId="0" borderId="0" applyNumberFormat="0" applyFill="0" applyBorder="0" applyAlignment="0" applyProtection="0">
      <alignment vertical="top"/>
      <protection locked="0"/>
    </xf>
  </cellStyleXfs>
  <cellXfs count="14">
    <xf numFmtId="0" fontId="0" fillId="0" borderId="0" xfId="0"/>
    <xf numFmtId="0" fontId="1" fillId="0" borderId="1" xfId="0" applyFont="1" applyFill="1" applyBorder="1" applyAlignment="1">
      <alignment horizontal="left" vertical="center" wrapText="1"/>
    </xf>
    <xf numFmtId="0" fontId="1" fillId="0" borderId="1" xfId="0" applyFont="1" applyFill="1" applyBorder="1" applyAlignment="1">
      <alignment horizontal="right" vertical="center" wrapText="1"/>
    </xf>
    <xf numFmtId="0" fontId="2" fillId="0" borderId="0" xfId="0" applyFont="1" applyAlignment="1">
      <alignment vertical="center" wrapText="1"/>
    </xf>
    <xf numFmtId="0" fontId="1" fillId="2" borderId="1" xfId="0" applyFont="1" applyFill="1" applyBorder="1" applyAlignment="1">
      <alignment horizontal="center" vertical="center" wrapText="1"/>
    </xf>
    <xf numFmtId="0" fontId="3" fillId="0" borderId="0" xfId="0" applyFont="1" applyFill="1" applyAlignment="1">
      <alignment horizontal="center" vertical="center" wrapText="1"/>
    </xf>
    <xf numFmtId="0" fontId="3" fillId="0" borderId="0" xfId="0" applyFont="1" applyAlignment="1">
      <alignment horizontal="center" vertical="center" wrapText="1"/>
    </xf>
    <xf numFmtId="0" fontId="4" fillId="0" borderId="0" xfId="0" applyFont="1" applyAlignment="1">
      <alignment horizontal="left"/>
    </xf>
    <xf numFmtId="0" fontId="5" fillId="0" borderId="0" xfId="1" applyAlignment="1" applyProtection="1"/>
    <xf numFmtId="0" fontId="2" fillId="0" borderId="2" xfId="0" applyFont="1" applyBorder="1" applyAlignment="1">
      <alignment vertical="center" wrapText="1"/>
    </xf>
    <xf numFmtId="0" fontId="1" fillId="0" borderId="2" xfId="0" applyFont="1" applyFill="1" applyBorder="1" applyAlignment="1">
      <alignment horizontal="right" vertical="center" wrapText="1"/>
    </xf>
    <xf numFmtId="0" fontId="1" fillId="0" borderId="0" xfId="0" applyFont="1" applyAlignment="1">
      <alignment horizontal="right" vertical="center" wrapText="1"/>
    </xf>
    <xf numFmtId="0" fontId="2" fillId="3" borderId="0" xfId="0" applyFont="1" applyFill="1" applyAlignment="1">
      <alignment horizontal="center" vertical="center" wrapText="1"/>
    </xf>
    <xf numFmtId="0" fontId="5" fillId="0" borderId="1" xfId="1" applyFill="1" applyBorder="1" applyAlignment="1" applyProtection="1">
      <alignment horizontal="center" vertical="center" wrapText="1"/>
    </xf>
  </cellXfs>
  <cellStyles count="2">
    <cellStyle name="Гиперссылка" xfId="1" builtinId="8"/>
    <cellStyle name="Обычный" xfId="0" builtinId="0"/>
  </cellStyles>
  <dxfs count="0"/>
  <tableStyles count="0" defaultTableStyle="TableStyleMedium9" defaultPivotStyle="PivotStyleLight16"/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Тема Office">
  <a:themeElements>
    <a:clrScheme name="Стандартная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Стандартная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Стандартная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522" Type="http://schemas.openxmlformats.org/officeDocument/2006/relationships/hyperlink" Target="http://shop-masterinc.kz/photo/10097.jpg" TargetMode="External"/><Relationship Id="rId1827" Type="http://schemas.openxmlformats.org/officeDocument/2006/relationships/hyperlink" Target="http://shop-masterinc.kz/photo/7192.jpg" TargetMode="External"/><Relationship Id="rId21" Type="http://schemas.openxmlformats.org/officeDocument/2006/relationships/hyperlink" Target="http://shop-masterinc.kz/photo/8591.jpg" TargetMode="External"/><Relationship Id="rId2089" Type="http://schemas.openxmlformats.org/officeDocument/2006/relationships/hyperlink" Target="http://shop-masterinc.kz/photo/10235.jpg" TargetMode="External"/><Relationship Id="rId170" Type="http://schemas.openxmlformats.org/officeDocument/2006/relationships/hyperlink" Target="http://shop-masterinc.kz/photo/8624.jpg" TargetMode="External"/><Relationship Id="rId268" Type="http://schemas.openxmlformats.org/officeDocument/2006/relationships/hyperlink" Target="http://shop-masterinc.kz/photo/5118.jpg" TargetMode="External"/><Relationship Id="rId475" Type="http://schemas.openxmlformats.org/officeDocument/2006/relationships/hyperlink" Target="http://shop-masterinc.kz/photo/5760.jpg" TargetMode="External"/><Relationship Id="rId682" Type="http://schemas.openxmlformats.org/officeDocument/2006/relationships/hyperlink" Target="http://shop-masterinc.kz/photo/3918.jpg" TargetMode="External"/><Relationship Id="rId2156" Type="http://schemas.openxmlformats.org/officeDocument/2006/relationships/hyperlink" Target="http://shop-masterinc.kz/photo/5938.jpg" TargetMode="External"/><Relationship Id="rId128" Type="http://schemas.openxmlformats.org/officeDocument/2006/relationships/hyperlink" Target="http://shop-masterinc.kz/photo/8374.jpg" TargetMode="External"/><Relationship Id="rId335" Type="http://schemas.openxmlformats.org/officeDocument/2006/relationships/hyperlink" Target="http://shop-masterinc.kz/photo/1492.jpg" TargetMode="External"/><Relationship Id="rId542" Type="http://schemas.openxmlformats.org/officeDocument/2006/relationships/hyperlink" Target="http://shop-masterinc.kz/photo/1620.jpg" TargetMode="External"/><Relationship Id="rId987" Type="http://schemas.openxmlformats.org/officeDocument/2006/relationships/hyperlink" Target="http://shop-masterinc.kz/photo/6337.jpg" TargetMode="External"/><Relationship Id="rId1172" Type="http://schemas.openxmlformats.org/officeDocument/2006/relationships/hyperlink" Target="http://shop-masterinc.kz/photo/962.jpg" TargetMode="External"/><Relationship Id="rId2016" Type="http://schemas.openxmlformats.org/officeDocument/2006/relationships/hyperlink" Target="http://shop-masterinc.kz/photo/4912.jpg" TargetMode="External"/><Relationship Id="rId402" Type="http://schemas.openxmlformats.org/officeDocument/2006/relationships/hyperlink" Target="http://shop-masterinc.kz/photo/3288.jpg" TargetMode="External"/><Relationship Id="rId847" Type="http://schemas.openxmlformats.org/officeDocument/2006/relationships/hyperlink" Target="http://shop-masterinc.kz/photo/4079.jpg" TargetMode="External"/><Relationship Id="rId1032" Type="http://schemas.openxmlformats.org/officeDocument/2006/relationships/hyperlink" Target="http://shop-masterinc.kz/photo/9764.jpg" TargetMode="External"/><Relationship Id="rId1477" Type="http://schemas.openxmlformats.org/officeDocument/2006/relationships/hyperlink" Target="http://shop-masterinc.kz/photo/7535.jpg" TargetMode="External"/><Relationship Id="rId1684" Type="http://schemas.openxmlformats.org/officeDocument/2006/relationships/hyperlink" Target="http://shop-masterinc.kz/photo/4963.jpg" TargetMode="External"/><Relationship Id="rId1891" Type="http://schemas.openxmlformats.org/officeDocument/2006/relationships/hyperlink" Target="http://shop-masterinc.kz/photo/9924.jpg" TargetMode="External"/><Relationship Id="rId707" Type="http://schemas.openxmlformats.org/officeDocument/2006/relationships/hyperlink" Target="http://shop-masterinc.kz/photo/4080.jpg" TargetMode="External"/><Relationship Id="rId914" Type="http://schemas.openxmlformats.org/officeDocument/2006/relationships/hyperlink" Target="http://shop-masterinc.kz/photo/3596.jpg" TargetMode="External"/><Relationship Id="rId1337" Type="http://schemas.openxmlformats.org/officeDocument/2006/relationships/hyperlink" Target="http://shop-masterinc.kz/photo/6896.jpg" TargetMode="External"/><Relationship Id="rId1544" Type="http://schemas.openxmlformats.org/officeDocument/2006/relationships/hyperlink" Target="http://shop-masterinc.kz/photo/8184.jpg" TargetMode="External"/><Relationship Id="rId1751" Type="http://schemas.openxmlformats.org/officeDocument/2006/relationships/hyperlink" Target="http://shop-masterinc.kz/photo/8717.jpg" TargetMode="External"/><Relationship Id="rId1989" Type="http://schemas.openxmlformats.org/officeDocument/2006/relationships/hyperlink" Target="http://shop-masterinc.kz/photo/6159.jpg" TargetMode="External"/><Relationship Id="rId43" Type="http://schemas.openxmlformats.org/officeDocument/2006/relationships/hyperlink" Target="http://shop-masterinc.kz/photo/10185.jpg" TargetMode="External"/><Relationship Id="rId1404" Type="http://schemas.openxmlformats.org/officeDocument/2006/relationships/hyperlink" Target="http://shop-masterinc.kz/photo/3282.jpg" TargetMode="External"/><Relationship Id="rId1611" Type="http://schemas.openxmlformats.org/officeDocument/2006/relationships/hyperlink" Target="http://shop-masterinc.kz/photo/7353.jpg" TargetMode="External"/><Relationship Id="rId1849" Type="http://schemas.openxmlformats.org/officeDocument/2006/relationships/hyperlink" Target="http://shop-masterinc.kz/photo/6059.jpg" TargetMode="External"/><Relationship Id="rId192" Type="http://schemas.openxmlformats.org/officeDocument/2006/relationships/hyperlink" Target="http://shop-masterinc.kz/photo/1322.jpg" TargetMode="External"/><Relationship Id="rId1709" Type="http://schemas.openxmlformats.org/officeDocument/2006/relationships/hyperlink" Target="http://shop-masterinc.kz/photo/940.jpg" TargetMode="External"/><Relationship Id="rId1916" Type="http://schemas.openxmlformats.org/officeDocument/2006/relationships/hyperlink" Target="http://shop-masterinc.kz/photo/9124.jpg" TargetMode="External"/><Relationship Id="rId497" Type="http://schemas.openxmlformats.org/officeDocument/2006/relationships/hyperlink" Target="http://shop-masterinc.kz/photo/5687.jpg" TargetMode="External"/><Relationship Id="rId2080" Type="http://schemas.openxmlformats.org/officeDocument/2006/relationships/hyperlink" Target="http://shop-masterinc.kz/photo/10282.jpg" TargetMode="External"/><Relationship Id="rId357" Type="http://schemas.openxmlformats.org/officeDocument/2006/relationships/hyperlink" Target="http://shop-masterinc.kz/photo/7997.jpg" TargetMode="External"/><Relationship Id="rId1194" Type="http://schemas.openxmlformats.org/officeDocument/2006/relationships/hyperlink" Target="http://shop-masterinc.kz/photo/4120.jpg" TargetMode="External"/><Relationship Id="rId2038" Type="http://schemas.openxmlformats.org/officeDocument/2006/relationships/hyperlink" Target="http://shop-masterinc.kz/photo/5321.jpg" TargetMode="External"/><Relationship Id="rId217" Type="http://schemas.openxmlformats.org/officeDocument/2006/relationships/hyperlink" Target="http://shop-masterinc.kz/photo/5394.jpg" TargetMode="External"/><Relationship Id="rId564" Type="http://schemas.openxmlformats.org/officeDocument/2006/relationships/hyperlink" Target="http://shop-masterinc.kz/photo/3573.jpg" TargetMode="External"/><Relationship Id="rId771" Type="http://schemas.openxmlformats.org/officeDocument/2006/relationships/hyperlink" Target="http://shop-masterinc.kz/photo/7967.jpg" TargetMode="External"/><Relationship Id="rId869" Type="http://schemas.openxmlformats.org/officeDocument/2006/relationships/hyperlink" Target="http://shop-masterinc.kz/photo/5120.jpg" TargetMode="External"/><Relationship Id="rId1499" Type="http://schemas.openxmlformats.org/officeDocument/2006/relationships/hyperlink" Target="http://shop-masterinc.kz/photo/9083.jpg" TargetMode="External"/><Relationship Id="rId424" Type="http://schemas.openxmlformats.org/officeDocument/2006/relationships/hyperlink" Target="http://shop-masterinc.kz/photo/444.jpg" TargetMode="External"/><Relationship Id="rId631" Type="http://schemas.openxmlformats.org/officeDocument/2006/relationships/hyperlink" Target="http://shop-masterinc.kz/photo/6000.jpg" TargetMode="External"/><Relationship Id="rId729" Type="http://schemas.openxmlformats.org/officeDocument/2006/relationships/hyperlink" Target="http://shop-masterinc.kz/photo/4291.jpg" TargetMode="External"/><Relationship Id="rId1054" Type="http://schemas.openxmlformats.org/officeDocument/2006/relationships/hyperlink" Target="http://shop-masterinc.kz/photo/1286.jpg" TargetMode="External"/><Relationship Id="rId1261" Type="http://schemas.openxmlformats.org/officeDocument/2006/relationships/hyperlink" Target="http://shop-masterinc.kz/photo/8720.jpg" TargetMode="External"/><Relationship Id="rId1359" Type="http://schemas.openxmlformats.org/officeDocument/2006/relationships/hyperlink" Target="http://shop-masterinc.kz/photo/4796.jpg" TargetMode="External"/><Relationship Id="rId2105" Type="http://schemas.openxmlformats.org/officeDocument/2006/relationships/hyperlink" Target="http://shop-masterinc.kz/photo/10107.jpg" TargetMode="External"/><Relationship Id="rId936" Type="http://schemas.openxmlformats.org/officeDocument/2006/relationships/hyperlink" Target="http://shop-masterinc.kz/photo/7456.jpg" TargetMode="External"/><Relationship Id="rId1121" Type="http://schemas.openxmlformats.org/officeDocument/2006/relationships/hyperlink" Target="http://shop-masterinc.kz/photo/1143.jpg" TargetMode="External"/><Relationship Id="rId1219" Type="http://schemas.openxmlformats.org/officeDocument/2006/relationships/hyperlink" Target="http://shop-masterinc.kz/photo/3691.jpg" TargetMode="External"/><Relationship Id="rId1566" Type="http://schemas.openxmlformats.org/officeDocument/2006/relationships/hyperlink" Target="http://shop-masterinc.kz/photo/7448.jpg" TargetMode="External"/><Relationship Id="rId1773" Type="http://schemas.openxmlformats.org/officeDocument/2006/relationships/hyperlink" Target="http://shop-masterinc.kz/photo/10227.jpg" TargetMode="External"/><Relationship Id="rId1980" Type="http://schemas.openxmlformats.org/officeDocument/2006/relationships/hyperlink" Target="http://shop-masterinc.kz/photo/8112.jpg" TargetMode="External"/><Relationship Id="rId65" Type="http://schemas.openxmlformats.org/officeDocument/2006/relationships/hyperlink" Target="http://shop-masterinc.kz/photo/9389.jpg" TargetMode="External"/><Relationship Id="rId1426" Type="http://schemas.openxmlformats.org/officeDocument/2006/relationships/hyperlink" Target="http://shop-masterinc.kz/photo/7153.jpg" TargetMode="External"/><Relationship Id="rId1633" Type="http://schemas.openxmlformats.org/officeDocument/2006/relationships/hyperlink" Target="http://shop-masterinc.kz/photo/6579.jpg" TargetMode="External"/><Relationship Id="rId1840" Type="http://schemas.openxmlformats.org/officeDocument/2006/relationships/hyperlink" Target="http://shop-masterinc.kz/photo/9079.jpg" TargetMode="External"/><Relationship Id="rId1700" Type="http://schemas.openxmlformats.org/officeDocument/2006/relationships/hyperlink" Target="http://shop-masterinc.kz/photo/8193.jpg" TargetMode="External"/><Relationship Id="rId1938" Type="http://schemas.openxmlformats.org/officeDocument/2006/relationships/hyperlink" Target="http://shop-masterinc.kz/photo/8629.jpg" TargetMode="External"/><Relationship Id="rId281" Type="http://schemas.openxmlformats.org/officeDocument/2006/relationships/hyperlink" Target="http://shop-masterinc.kz/photo/5119.jpg" TargetMode="External"/><Relationship Id="rId141" Type="http://schemas.openxmlformats.org/officeDocument/2006/relationships/hyperlink" Target="http://shop-masterinc.kz/photo/8389.jpg" TargetMode="External"/><Relationship Id="rId379" Type="http://schemas.openxmlformats.org/officeDocument/2006/relationships/hyperlink" Target="http://shop-masterinc.kz/photo/5105.jpg" TargetMode="External"/><Relationship Id="rId586" Type="http://schemas.openxmlformats.org/officeDocument/2006/relationships/hyperlink" Target="http://shop-masterinc.kz/photo/8723.jpg" TargetMode="External"/><Relationship Id="rId793" Type="http://schemas.openxmlformats.org/officeDocument/2006/relationships/hyperlink" Target="http://shop-masterinc.kz/photo/857.jpg" TargetMode="External"/><Relationship Id="rId7" Type="http://schemas.openxmlformats.org/officeDocument/2006/relationships/hyperlink" Target="http://shop-masterinc.kz/photo/7281.jpg" TargetMode="External"/><Relationship Id="rId239" Type="http://schemas.openxmlformats.org/officeDocument/2006/relationships/hyperlink" Target="http://shop-masterinc.kz/photo/525.jpg" TargetMode="External"/><Relationship Id="rId446" Type="http://schemas.openxmlformats.org/officeDocument/2006/relationships/hyperlink" Target="http://shop-masterinc.kz/photo/3789.jpg" TargetMode="External"/><Relationship Id="rId653" Type="http://schemas.openxmlformats.org/officeDocument/2006/relationships/hyperlink" Target="http://shop-masterinc.kz/photo/825.jpg" TargetMode="External"/><Relationship Id="rId1076" Type="http://schemas.openxmlformats.org/officeDocument/2006/relationships/hyperlink" Target="http://shop-masterinc.kz/photo/5503.jpg" TargetMode="External"/><Relationship Id="rId1283" Type="http://schemas.openxmlformats.org/officeDocument/2006/relationships/hyperlink" Target="http://shop-masterinc.kz/photo/8202.jpg" TargetMode="External"/><Relationship Id="rId1490" Type="http://schemas.openxmlformats.org/officeDocument/2006/relationships/hyperlink" Target="http://shop-masterinc.kz/photo/7573.jpg" TargetMode="External"/><Relationship Id="rId2127" Type="http://schemas.openxmlformats.org/officeDocument/2006/relationships/hyperlink" Target="http://shop-masterinc.kz/photo/9318.jpg" TargetMode="External"/><Relationship Id="rId306" Type="http://schemas.openxmlformats.org/officeDocument/2006/relationships/hyperlink" Target="http://shop-masterinc.kz/photo/7494.jpg" TargetMode="External"/><Relationship Id="rId860" Type="http://schemas.openxmlformats.org/officeDocument/2006/relationships/hyperlink" Target="http://shop-masterinc.kz/photo/8651.jpg" TargetMode="External"/><Relationship Id="rId958" Type="http://schemas.openxmlformats.org/officeDocument/2006/relationships/hyperlink" Target="http://shop-masterinc.kz/photo/7409.jpg" TargetMode="External"/><Relationship Id="rId1143" Type="http://schemas.openxmlformats.org/officeDocument/2006/relationships/hyperlink" Target="http://shop-masterinc.kz/photo/3998.jpg" TargetMode="External"/><Relationship Id="rId1588" Type="http://schemas.openxmlformats.org/officeDocument/2006/relationships/hyperlink" Target="http://shop-masterinc.kz/photo/8148.jpg" TargetMode="External"/><Relationship Id="rId1795" Type="http://schemas.openxmlformats.org/officeDocument/2006/relationships/hyperlink" Target="http://shop-masterinc.kz/photo/3485.jpg" TargetMode="External"/><Relationship Id="rId87" Type="http://schemas.openxmlformats.org/officeDocument/2006/relationships/hyperlink" Target="http://shop-masterinc.kz/photo/8968.jpg" TargetMode="External"/><Relationship Id="rId513" Type="http://schemas.openxmlformats.org/officeDocument/2006/relationships/hyperlink" Target="http://shop-masterinc.kz/photo/7921.jpg" TargetMode="External"/><Relationship Id="rId720" Type="http://schemas.openxmlformats.org/officeDocument/2006/relationships/hyperlink" Target="http://shop-masterinc.kz/photo/3842.jpg" TargetMode="External"/><Relationship Id="rId818" Type="http://schemas.openxmlformats.org/officeDocument/2006/relationships/hyperlink" Target="http://shop-masterinc.kz/photo/5298.jpg" TargetMode="External"/><Relationship Id="rId1350" Type="http://schemas.openxmlformats.org/officeDocument/2006/relationships/hyperlink" Target="http://shop-masterinc.kz/photo/5815.jpg" TargetMode="External"/><Relationship Id="rId1448" Type="http://schemas.openxmlformats.org/officeDocument/2006/relationships/hyperlink" Target="http://shop-masterinc.kz/photo/735.jpg" TargetMode="External"/><Relationship Id="rId1655" Type="http://schemas.openxmlformats.org/officeDocument/2006/relationships/hyperlink" Target="http://shop-masterinc.kz/photo/4192.jpg" TargetMode="External"/><Relationship Id="rId1003" Type="http://schemas.openxmlformats.org/officeDocument/2006/relationships/hyperlink" Target="http://shop-masterinc.kz/photo/877.jpg" TargetMode="External"/><Relationship Id="rId1210" Type="http://schemas.openxmlformats.org/officeDocument/2006/relationships/hyperlink" Target="http://shop-masterinc.kz/photo/9510.jpg" TargetMode="External"/><Relationship Id="rId1308" Type="http://schemas.openxmlformats.org/officeDocument/2006/relationships/hyperlink" Target="http://shop-masterinc.kz/photo/5411.jpg" TargetMode="External"/><Relationship Id="rId1862" Type="http://schemas.openxmlformats.org/officeDocument/2006/relationships/hyperlink" Target="http://shop-masterinc.kz/photo/6055.jpg" TargetMode="External"/><Relationship Id="rId1515" Type="http://schemas.openxmlformats.org/officeDocument/2006/relationships/hyperlink" Target="http://shop-masterinc.kz/photo/10100.jpg" TargetMode="External"/><Relationship Id="rId1722" Type="http://schemas.openxmlformats.org/officeDocument/2006/relationships/hyperlink" Target="http://shop-masterinc.kz/photo/10292.jpg" TargetMode="External"/><Relationship Id="rId14" Type="http://schemas.openxmlformats.org/officeDocument/2006/relationships/hyperlink" Target="http://shop-masterinc.kz/photo/8593.jpg" TargetMode="External"/><Relationship Id="rId163" Type="http://schemas.openxmlformats.org/officeDocument/2006/relationships/hyperlink" Target="http://shop-masterinc.kz/photo/8618.jpg" TargetMode="External"/><Relationship Id="rId370" Type="http://schemas.openxmlformats.org/officeDocument/2006/relationships/hyperlink" Target="http://shop-masterinc.kz/photo/5798.jpg" TargetMode="External"/><Relationship Id="rId2051" Type="http://schemas.openxmlformats.org/officeDocument/2006/relationships/hyperlink" Target="http://shop-masterinc.kz/photo/713.jpg" TargetMode="External"/><Relationship Id="rId230" Type="http://schemas.openxmlformats.org/officeDocument/2006/relationships/hyperlink" Target="http://shop-masterinc.kz/photo/9312.jpg" TargetMode="External"/><Relationship Id="rId468" Type="http://schemas.openxmlformats.org/officeDocument/2006/relationships/hyperlink" Target="http://shop-masterinc.kz/photo/125.jpg" TargetMode="External"/><Relationship Id="rId675" Type="http://schemas.openxmlformats.org/officeDocument/2006/relationships/hyperlink" Target="http://shop-masterinc.kz/photo/7386.jpg" TargetMode="External"/><Relationship Id="rId882" Type="http://schemas.openxmlformats.org/officeDocument/2006/relationships/hyperlink" Target="http://shop-masterinc.kz/photo/6843.jpg" TargetMode="External"/><Relationship Id="rId1098" Type="http://schemas.openxmlformats.org/officeDocument/2006/relationships/hyperlink" Target="http://shop-masterinc.kz/photo/5278.jpg" TargetMode="External"/><Relationship Id="rId2149" Type="http://schemas.openxmlformats.org/officeDocument/2006/relationships/hyperlink" Target="http://shop-masterinc.kz/photo/5463.jpg" TargetMode="External"/><Relationship Id="rId328" Type="http://schemas.openxmlformats.org/officeDocument/2006/relationships/hyperlink" Target="http://shop-masterinc.kz/photo/6918.jpg" TargetMode="External"/><Relationship Id="rId535" Type="http://schemas.openxmlformats.org/officeDocument/2006/relationships/hyperlink" Target="http://shop-masterinc.kz/photo/7694.jpg" TargetMode="External"/><Relationship Id="rId742" Type="http://schemas.openxmlformats.org/officeDocument/2006/relationships/hyperlink" Target="http://shop-masterinc.kz/photo/7659.jpg" TargetMode="External"/><Relationship Id="rId1165" Type="http://schemas.openxmlformats.org/officeDocument/2006/relationships/hyperlink" Target="http://shop-masterinc.kz/photo/1384.jpg" TargetMode="External"/><Relationship Id="rId1372" Type="http://schemas.openxmlformats.org/officeDocument/2006/relationships/hyperlink" Target="http://shop-masterinc.kz/photo/3967.jpg" TargetMode="External"/><Relationship Id="rId2009" Type="http://schemas.openxmlformats.org/officeDocument/2006/relationships/hyperlink" Target="http://shop-masterinc.kz/photo/5038.jpg" TargetMode="External"/><Relationship Id="rId602" Type="http://schemas.openxmlformats.org/officeDocument/2006/relationships/hyperlink" Target="http://shop-masterinc.kz/photo/911.jpg" TargetMode="External"/><Relationship Id="rId1025" Type="http://schemas.openxmlformats.org/officeDocument/2006/relationships/hyperlink" Target="http://shop-masterinc.kz/photo/7102.jpg" TargetMode="External"/><Relationship Id="rId1232" Type="http://schemas.openxmlformats.org/officeDocument/2006/relationships/hyperlink" Target="http://shop-masterinc.kz/photo/3253.jpg" TargetMode="External"/><Relationship Id="rId1677" Type="http://schemas.openxmlformats.org/officeDocument/2006/relationships/hyperlink" Target="http://shop-masterinc.kz/photo/5994.jpg" TargetMode="External"/><Relationship Id="rId1884" Type="http://schemas.openxmlformats.org/officeDocument/2006/relationships/hyperlink" Target="http://shop-masterinc.kz/photo/9678.jpg" TargetMode="External"/><Relationship Id="rId907" Type="http://schemas.openxmlformats.org/officeDocument/2006/relationships/hyperlink" Target="http://shop-masterinc.kz/photo/7362.jpg" TargetMode="External"/><Relationship Id="rId1537" Type="http://schemas.openxmlformats.org/officeDocument/2006/relationships/hyperlink" Target="http://shop-masterinc.kz/photo/10238.jpg" TargetMode="External"/><Relationship Id="rId1744" Type="http://schemas.openxmlformats.org/officeDocument/2006/relationships/hyperlink" Target="http://shop-masterinc.kz/photo/9679.jpg" TargetMode="External"/><Relationship Id="rId1951" Type="http://schemas.openxmlformats.org/officeDocument/2006/relationships/hyperlink" Target="http://shop-masterinc.kz/photo/9052.jpg" TargetMode="External"/><Relationship Id="rId36" Type="http://schemas.openxmlformats.org/officeDocument/2006/relationships/hyperlink" Target="http://shop-masterinc.kz/photo/8594.jpg" TargetMode="External"/><Relationship Id="rId1604" Type="http://schemas.openxmlformats.org/officeDocument/2006/relationships/hyperlink" Target="http://shop-masterinc.kz/photo/9908.jpg" TargetMode="External"/><Relationship Id="rId185" Type="http://schemas.openxmlformats.org/officeDocument/2006/relationships/hyperlink" Target="http://shop-masterinc.kz/photo/7769.jpg" TargetMode="External"/><Relationship Id="rId1811" Type="http://schemas.openxmlformats.org/officeDocument/2006/relationships/hyperlink" Target="http://shop-masterinc.kz/photo/9910.jpg" TargetMode="External"/><Relationship Id="rId1909" Type="http://schemas.openxmlformats.org/officeDocument/2006/relationships/hyperlink" Target="http://shop-masterinc.kz/photo/10023.jpg" TargetMode="External"/><Relationship Id="rId392" Type="http://schemas.openxmlformats.org/officeDocument/2006/relationships/hyperlink" Target="http://shop-masterinc.kz/photo/9004.jpg" TargetMode="External"/><Relationship Id="rId697" Type="http://schemas.openxmlformats.org/officeDocument/2006/relationships/hyperlink" Target="http://shop-masterinc.kz/photo/8075.jpg" TargetMode="External"/><Relationship Id="rId2073" Type="http://schemas.openxmlformats.org/officeDocument/2006/relationships/hyperlink" Target="http://shop-masterinc.kz/photo/10205.jpg" TargetMode="External"/><Relationship Id="rId252" Type="http://schemas.openxmlformats.org/officeDocument/2006/relationships/hyperlink" Target="http://shop-masterinc.kz/photo/7715.jpg" TargetMode="External"/><Relationship Id="rId1187" Type="http://schemas.openxmlformats.org/officeDocument/2006/relationships/hyperlink" Target="http://shop-masterinc.kz/photo/8352.jpg" TargetMode="External"/><Relationship Id="rId2140" Type="http://schemas.openxmlformats.org/officeDocument/2006/relationships/hyperlink" Target="http://shop-masterinc.kz/photo/9485.jpg" TargetMode="External"/><Relationship Id="rId112" Type="http://schemas.openxmlformats.org/officeDocument/2006/relationships/hyperlink" Target="http://shop-masterinc.kz/photo/8118.jpg" TargetMode="External"/><Relationship Id="rId557" Type="http://schemas.openxmlformats.org/officeDocument/2006/relationships/hyperlink" Target="http://shop-masterinc.kz/photo/7044.jpg" TargetMode="External"/><Relationship Id="rId764" Type="http://schemas.openxmlformats.org/officeDocument/2006/relationships/hyperlink" Target="http://shop-masterinc.kz/photo/6453.jpg" TargetMode="External"/><Relationship Id="rId971" Type="http://schemas.openxmlformats.org/officeDocument/2006/relationships/hyperlink" Target="http://shop-masterinc.kz/photo/6690.jpg" TargetMode="External"/><Relationship Id="rId1394" Type="http://schemas.openxmlformats.org/officeDocument/2006/relationships/hyperlink" Target="http://shop-masterinc.kz/photo/8097.jpg" TargetMode="External"/><Relationship Id="rId1699" Type="http://schemas.openxmlformats.org/officeDocument/2006/relationships/hyperlink" Target="http://shop-masterinc.kz/photo/7482.jpg" TargetMode="External"/><Relationship Id="rId2000" Type="http://schemas.openxmlformats.org/officeDocument/2006/relationships/hyperlink" Target="http://shop-masterinc.kz/photo/5384.jpg" TargetMode="External"/><Relationship Id="rId417" Type="http://schemas.openxmlformats.org/officeDocument/2006/relationships/hyperlink" Target="http://shop-masterinc.kz/photo/4018.jpg" TargetMode="External"/><Relationship Id="rId624" Type="http://schemas.openxmlformats.org/officeDocument/2006/relationships/hyperlink" Target="http://shop-masterinc.kz/photo/4281.jpg" TargetMode="External"/><Relationship Id="rId831" Type="http://schemas.openxmlformats.org/officeDocument/2006/relationships/hyperlink" Target="http://shop-masterinc.kz/photo/6455.jpg" TargetMode="External"/><Relationship Id="rId1047" Type="http://schemas.openxmlformats.org/officeDocument/2006/relationships/hyperlink" Target="http://shop-masterinc.kz/photo/1565.jpg" TargetMode="External"/><Relationship Id="rId1254" Type="http://schemas.openxmlformats.org/officeDocument/2006/relationships/hyperlink" Target="http://shop-masterinc.kz/photo/7794.jpg" TargetMode="External"/><Relationship Id="rId1461" Type="http://schemas.openxmlformats.org/officeDocument/2006/relationships/hyperlink" Target="http://shop-masterinc.kz/photo/3361.jpg" TargetMode="External"/><Relationship Id="rId929" Type="http://schemas.openxmlformats.org/officeDocument/2006/relationships/hyperlink" Target="http://shop-masterinc.kz/photo/133.jpg" TargetMode="External"/><Relationship Id="rId1114" Type="http://schemas.openxmlformats.org/officeDocument/2006/relationships/hyperlink" Target="http://shop-masterinc.kz/photo/5477.jpg" TargetMode="External"/><Relationship Id="rId1321" Type="http://schemas.openxmlformats.org/officeDocument/2006/relationships/hyperlink" Target="http://shop-masterinc.kz/photo/4412.jpg" TargetMode="External"/><Relationship Id="rId1559" Type="http://schemas.openxmlformats.org/officeDocument/2006/relationships/hyperlink" Target="http://shop-masterinc.kz/photo/7072.jpg" TargetMode="External"/><Relationship Id="rId1766" Type="http://schemas.openxmlformats.org/officeDocument/2006/relationships/hyperlink" Target="http://shop-masterinc.kz/photo/4898.jpg" TargetMode="External"/><Relationship Id="rId1973" Type="http://schemas.openxmlformats.org/officeDocument/2006/relationships/hyperlink" Target="http://shop-masterinc.kz/photo/6074.jpg" TargetMode="External"/><Relationship Id="rId58" Type="http://schemas.openxmlformats.org/officeDocument/2006/relationships/hyperlink" Target="http://shop-masterinc.kz/photo/9272.jpg" TargetMode="External"/><Relationship Id="rId1419" Type="http://schemas.openxmlformats.org/officeDocument/2006/relationships/hyperlink" Target="http://shop-masterinc.kz/photo/10146.jpg" TargetMode="External"/><Relationship Id="rId1626" Type="http://schemas.openxmlformats.org/officeDocument/2006/relationships/hyperlink" Target="http://shop-masterinc.kz/photo/4966.jpg" TargetMode="External"/><Relationship Id="rId1833" Type="http://schemas.openxmlformats.org/officeDocument/2006/relationships/hyperlink" Target="http://shop-masterinc.kz/photo/9045.jpg" TargetMode="External"/><Relationship Id="rId1900" Type="http://schemas.openxmlformats.org/officeDocument/2006/relationships/hyperlink" Target="http://shop-masterinc.kz/photo/10022.jpg" TargetMode="External"/><Relationship Id="rId2095" Type="http://schemas.openxmlformats.org/officeDocument/2006/relationships/hyperlink" Target="http://shop-masterinc.kz/photo/9998.jpg" TargetMode="External"/><Relationship Id="rId274" Type="http://schemas.openxmlformats.org/officeDocument/2006/relationships/hyperlink" Target="http://shop-masterinc.kz/photo/5539.jpg" TargetMode="External"/><Relationship Id="rId481" Type="http://schemas.openxmlformats.org/officeDocument/2006/relationships/hyperlink" Target="http://shop-masterinc.kz/photo/1315.jpg" TargetMode="External"/><Relationship Id="rId2162" Type="http://schemas.openxmlformats.org/officeDocument/2006/relationships/hyperlink" Target="http://shop-masterinc.kz/photo/6185.jpg" TargetMode="External"/><Relationship Id="rId134" Type="http://schemas.openxmlformats.org/officeDocument/2006/relationships/hyperlink" Target="http://shop-masterinc.kz/photo/8972.jpg" TargetMode="External"/><Relationship Id="rId579" Type="http://schemas.openxmlformats.org/officeDocument/2006/relationships/hyperlink" Target="http://shop-masterinc.kz/photo/8312.jpg" TargetMode="External"/><Relationship Id="rId786" Type="http://schemas.openxmlformats.org/officeDocument/2006/relationships/hyperlink" Target="http://shop-masterinc.kz/photo/6456.jpg" TargetMode="External"/><Relationship Id="rId993" Type="http://schemas.openxmlformats.org/officeDocument/2006/relationships/hyperlink" Target="http://shop-masterinc.kz/photo/8434.jpg" TargetMode="External"/><Relationship Id="rId341" Type="http://schemas.openxmlformats.org/officeDocument/2006/relationships/hyperlink" Target="http://shop-masterinc.kz/photo/9023.jpg" TargetMode="External"/><Relationship Id="rId439" Type="http://schemas.openxmlformats.org/officeDocument/2006/relationships/hyperlink" Target="http://shop-masterinc.kz/photo/443.jpg" TargetMode="External"/><Relationship Id="rId646" Type="http://schemas.openxmlformats.org/officeDocument/2006/relationships/hyperlink" Target="http://shop-masterinc.kz/photo/5082.jpg" TargetMode="External"/><Relationship Id="rId1069" Type="http://schemas.openxmlformats.org/officeDocument/2006/relationships/hyperlink" Target="http://shop-masterinc.kz/photo/5059.jpg" TargetMode="External"/><Relationship Id="rId1276" Type="http://schemas.openxmlformats.org/officeDocument/2006/relationships/hyperlink" Target="http://shop-masterinc.kz/photo/7015.jpg" TargetMode="External"/><Relationship Id="rId1483" Type="http://schemas.openxmlformats.org/officeDocument/2006/relationships/hyperlink" Target="http://shop-masterinc.kz/photo/7575.jpg" TargetMode="External"/><Relationship Id="rId2022" Type="http://schemas.openxmlformats.org/officeDocument/2006/relationships/hyperlink" Target="http://shop-masterinc.kz/photo/5367.jpg" TargetMode="External"/><Relationship Id="rId201" Type="http://schemas.openxmlformats.org/officeDocument/2006/relationships/hyperlink" Target="http://shop-masterinc.kz/photo/9399.jpg" TargetMode="External"/><Relationship Id="rId506" Type="http://schemas.openxmlformats.org/officeDocument/2006/relationships/hyperlink" Target="http://shop-masterinc.kz/photo/5696.jpg" TargetMode="External"/><Relationship Id="rId853" Type="http://schemas.openxmlformats.org/officeDocument/2006/relationships/hyperlink" Target="http://shop-masterinc.kz/photo/878.jpg" TargetMode="External"/><Relationship Id="rId1136" Type="http://schemas.openxmlformats.org/officeDocument/2006/relationships/hyperlink" Target="http://shop-masterinc.kz/photo/5043.jpg" TargetMode="External"/><Relationship Id="rId1690" Type="http://schemas.openxmlformats.org/officeDocument/2006/relationships/hyperlink" Target="http://shop-masterinc.kz/photo/10219.jpg" TargetMode="External"/><Relationship Id="rId1788" Type="http://schemas.openxmlformats.org/officeDocument/2006/relationships/hyperlink" Target="http://shop-masterinc.kz/photo/7501.jpg" TargetMode="External"/><Relationship Id="rId1995" Type="http://schemas.openxmlformats.org/officeDocument/2006/relationships/hyperlink" Target="http://shop-masterinc.kz/photo/611.jpg" TargetMode="External"/><Relationship Id="rId713" Type="http://schemas.openxmlformats.org/officeDocument/2006/relationships/hyperlink" Target="http://shop-masterinc.kz/photo/4035.jpg" TargetMode="External"/><Relationship Id="rId920" Type="http://schemas.openxmlformats.org/officeDocument/2006/relationships/hyperlink" Target="http://shop-masterinc.kz/photo/6849.jpg" TargetMode="External"/><Relationship Id="rId1343" Type="http://schemas.openxmlformats.org/officeDocument/2006/relationships/hyperlink" Target="http://shop-masterinc.kz/photo/8283.jpg" TargetMode="External"/><Relationship Id="rId1550" Type="http://schemas.openxmlformats.org/officeDocument/2006/relationships/hyperlink" Target="http://shop-masterinc.kz/photo/6631.jpg" TargetMode="External"/><Relationship Id="rId1648" Type="http://schemas.openxmlformats.org/officeDocument/2006/relationships/hyperlink" Target="http://shop-masterinc.kz/photo/6851.jpg" TargetMode="External"/><Relationship Id="rId1203" Type="http://schemas.openxmlformats.org/officeDocument/2006/relationships/hyperlink" Target="http://shop-masterinc.kz/photo/5778.jpg" TargetMode="External"/><Relationship Id="rId1410" Type="http://schemas.openxmlformats.org/officeDocument/2006/relationships/hyperlink" Target="http://shop-masterinc.kz/photo/5878.jpg" TargetMode="External"/><Relationship Id="rId1508" Type="http://schemas.openxmlformats.org/officeDocument/2006/relationships/hyperlink" Target="http://shop-masterinc.kz/photo/7343.jpg" TargetMode="External"/><Relationship Id="rId1855" Type="http://schemas.openxmlformats.org/officeDocument/2006/relationships/hyperlink" Target="http://shop-masterinc.kz/photo/9876.jpg" TargetMode="External"/><Relationship Id="rId1715" Type="http://schemas.openxmlformats.org/officeDocument/2006/relationships/hyperlink" Target="http://shop-masterinc.kz/photo/5945.jpg" TargetMode="External"/><Relationship Id="rId1922" Type="http://schemas.openxmlformats.org/officeDocument/2006/relationships/hyperlink" Target="http://shop-masterinc.kz/photo/10293.jpg" TargetMode="External"/><Relationship Id="rId296" Type="http://schemas.openxmlformats.org/officeDocument/2006/relationships/hyperlink" Target="http://shop-masterinc.kz/photo/8740.jpg" TargetMode="External"/><Relationship Id="rId156" Type="http://schemas.openxmlformats.org/officeDocument/2006/relationships/hyperlink" Target="http://shop-masterinc.kz/photo/9249.jpg" TargetMode="External"/><Relationship Id="rId363" Type="http://schemas.openxmlformats.org/officeDocument/2006/relationships/hyperlink" Target="http://shop-masterinc.kz/photo/9574.jpg" TargetMode="External"/><Relationship Id="rId570" Type="http://schemas.openxmlformats.org/officeDocument/2006/relationships/hyperlink" Target="http://shop-masterinc.kz/photo/3833.jpg" TargetMode="External"/><Relationship Id="rId2044" Type="http://schemas.openxmlformats.org/officeDocument/2006/relationships/hyperlink" Target="http://shop-masterinc.kz/photo/684.jpg" TargetMode="External"/><Relationship Id="rId223" Type="http://schemas.openxmlformats.org/officeDocument/2006/relationships/hyperlink" Target="http://shop-masterinc.kz/photo/1023.jpg" TargetMode="External"/><Relationship Id="rId430" Type="http://schemas.openxmlformats.org/officeDocument/2006/relationships/hyperlink" Target="http://shop-masterinc.kz/photo/3272.jpg" TargetMode="External"/><Relationship Id="rId668" Type="http://schemas.openxmlformats.org/officeDocument/2006/relationships/hyperlink" Target="http://shop-masterinc.kz/photo/3817.jpg" TargetMode="External"/><Relationship Id="rId875" Type="http://schemas.openxmlformats.org/officeDocument/2006/relationships/hyperlink" Target="http://shop-masterinc.kz/photo/7356.jpg" TargetMode="External"/><Relationship Id="rId1060" Type="http://schemas.openxmlformats.org/officeDocument/2006/relationships/hyperlink" Target="http://shop-masterinc.kz/photo/3935.jpg" TargetMode="External"/><Relationship Id="rId1298" Type="http://schemas.openxmlformats.org/officeDocument/2006/relationships/hyperlink" Target="http://shop-masterinc.kz/photo/7857.jpg" TargetMode="External"/><Relationship Id="rId2111" Type="http://schemas.openxmlformats.org/officeDocument/2006/relationships/hyperlink" Target="http://shop-masterinc.kz/photo/10083.jpg" TargetMode="External"/><Relationship Id="rId528" Type="http://schemas.openxmlformats.org/officeDocument/2006/relationships/hyperlink" Target="http://shop-masterinc.kz/photo/1443.jpg" TargetMode="External"/><Relationship Id="rId735" Type="http://schemas.openxmlformats.org/officeDocument/2006/relationships/hyperlink" Target="http://shop-masterinc.kz/photo/6457.jpg" TargetMode="External"/><Relationship Id="rId942" Type="http://schemas.openxmlformats.org/officeDocument/2006/relationships/hyperlink" Target="http://shop-masterinc.kz/photo/8646.jpg" TargetMode="External"/><Relationship Id="rId1158" Type="http://schemas.openxmlformats.org/officeDocument/2006/relationships/hyperlink" Target="http://shop-masterinc.kz/photo/7878.jpg" TargetMode="External"/><Relationship Id="rId1365" Type="http://schemas.openxmlformats.org/officeDocument/2006/relationships/hyperlink" Target="http://shop-masterinc.kz/photo/8191.jpg" TargetMode="External"/><Relationship Id="rId1572" Type="http://schemas.openxmlformats.org/officeDocument/2006/relationships/hyperlink" Target="http://shop-masterinc.kz/photo/6943.jpg" TargetMode="External"/><Relationship Id="rId1018" Type="http://schemas.openxmlformats.org/officeDocument/2006/relationships/hyperlink" Target="http://shop-masterinc.kz/photo/10309.jpg" TargetMode="External"/><Relationship Id="rId1225" Type="http://schemas.openxmlformats.org/officeDocument/2006/relationships/hyperlink" Target="http://shop-masterinc.kz/photo/924.jpg" TargetMode="External"/><Relationship Id="rId1432" Type="http://schemas.openxmlformats.org/officeDocument/2006/relationships/hyperlink" Target="http://shop-masterinc.kz/photo/9662.jpg" TargetMode="External"/><Relationship Id="rId1877" Type="http://schemas.openxmlformats.org/officeDocument/2006/relationships/hyperlink" Target="http://shop-masterinc.kz/photo/8768.jpg" TargetMode="External"/><Relationship Id="rId71" Type="http://schemas.openxmlformats.org/officeDocument/2006/relationships/hyperlink" Target="http://shop-masterinc.kz/photo/8120.jpg" TargetMode="External"/><Relationship Id="rId802" Type="http://schemas.openxmlformats.org/officeDocument/2006/relationships/hyperlink" Target="http://shop-masterinc.kz/photo/3843.jpg" TargetMode="External"/><Relationship Id="rId1737" Type="http://schemas.openxmlformats.org/officeDocument/2006/relationships/hyperlink" Target="http://shop-masterinc.kz/photo/10240.jpg" TargetMode="External"/><Relationship Id="rId1944" Type="http://schemas.openxmlformats.org/officeDocument/2006/relationships/hyperlink" Target="http://shop-masterinc.kz/photo/8238.jpg" TargetMode="External"/><Relationship Id="rId29" Type="http://schemas.openxmlformats.org/officeDocument/2006/relationships/hyperlink" Target="http://shop-masterinc.kz/photo/7399.jpg" TargetMode="External"/><Relationship Id="rId178" Type="http://schemas.openxmlformats.org/officeDocument/2006/relationships/hyperlink" Target="http://shop-masterinc.kz/photo/7029.jpg" TargetMode="External"/><Relationship Id="rId1804" Type="http://schemas.openxmlformats.org/officeDocument/2006/relationships/hyperlink" Target="http://shop-masterinc.kz/photo/5800.jpg" TargetMode="External"/><Relationship Id="rId385" Type="http://schemas.openxmlformats.org/officeDocument/2006/relationships/hyperlink" Target="http://shop-masterinc.kz/photo/9104.jpg" TargetMode="External"/><Relationship Id="rId592" Type="http://schemas.openxmlformats.org/officeDocument/2006/relationships/hyperlink" Target="http://shop-masterinc.kz/photo/9370.jpg" TargetMode="External"/><Relationship Id="rId2066" Type="http://schemas.openxmlformats.org/officeDocument/2006/relationships/hyperlink" Target="http://shop-masterinc.kz/photo/1160.jpg" TargetMode="External"/><Relationship Id="rId245" Type="http://schemas.openxmlformats.org/officeDocument/2006/relationships/hyperlink" Target="http://shop-masterinc.kz/photo/9402.jpg" TargetMode="External"/><Relationship Id="rId452" Type="http://schemas.openxmlformats.org/officeDocument/2006/relationships/hyperlink" Target="http://shop-masterinc.kz/photo/3386.jpg" TargetMode="External"/><Relationship Id="rId897" Type="http://schemas.openxmlformats.org/officeDocument/2006/relationships/hyperlink" Target="http://shop-masterinc.kz/photo/6602.jpg" TargetMode="External"/><Relationship Id="rId1082" Type="http://schemas.openxmlformats.org/officeDocument/2006/relationships/hyperlink" Target="http://shop-masterinc.kz/photo/56.jpg" TargetMode="External"/><Relationship Id="rId2133" Type="http://schemas.openxmlformats.org/officeDocument/2006/relationships/hyperlink" Target="http://shop-masterinc.kz/photo/10278.jpg" TargetMode="External"/><Relationship Id="rId105" Type="http://schemas.openxmlformats.org/officeDocument/2006/relationships/hyperlink" Target="http://shop-masterinc.kz/photo/8029.jpg" TargetMode="External"/><Relationship Id="rId312" Type="http://schemas.openxmlformats.org/officeDocument/2006/relationships/hyperlink" Target="http://shop-masterinc.kz/photo/8585.jpg" TargetMode="External"/><Relationship Id="rId757" Type="http://schemas.openxmlformats.org/officeDocument/2006/relationships/hyperlink" Target="http://shop-masterinc.kz/photo/4465.jpg" TargetMode="External"/><Relationship Id="rId964" Type="http://schemas.openxmlformats.org/officeDocument/2006/relationships/hyperlink" Target="http://shop-masterinc.kz/photo/9241.jpg" TargetMode="External"/><Relationship Id="rId1387" Type="http://schemas.openxmlformats.org/officeDocument/2006/relationships/hyperlink" Target="http://shop-masterinc.kz/photo/1200.jpg" TargetMode="External"/><Relationship Id="rId1594" Type="http://schemas.openxmlformats.org/officeDocument/2006/relationships/hyperlink" Target="http://shop-masterinc.kz/photo/8188.jpg" TargetMode="External"/><Relationship Id="rId93" Type="http://schemas.openxmlformats.org/officeDocument/2006/relationships/hyperlink" Target="http://shop-masterinc.kz/photo/8732.jpg" TargetMode="External"/><Relationship Id="rId617" Type="http://schemas.openxmlformats.org/officeDocument/2006/relationships/hyperlink" Target="http://shop-masterinc.kz/photo/5941.jpg" TargetMode="External"/><Relationship Id="rId824" Type="http://schemas.openxmlformats.org/officeDocument/2006/relationships/hyperlink" Target="http://shop-masterinc.kz/photo/1715.jpg" TargetMode="External"/><Relationship Id="rId1247" Type="http://schemas.openxmlformats.org/officeDocument/2006/relationships/hyperlink" Target="http://shop-masterinc.kz/photo/7026.jpg" TargetMode="External"/><Relationship Id="rId1454" Type="http://schemas.openxmlformats.org/officeDocument/2006/relationships/hyperlink" Target="http://shop-masterinc.kz/photo/744.jpg" TargetMode="External"/><Relationship Id="rId1661" Type="http://schemas.openxmlformats.org/officeDocument/2006/relationships/hyperlink" Target="http://shop-masterinc.kz/photo/10220.jpg" TargetMode="External"/><Relationship Id="rId1899" Type="http://schemas.openxmlformats.org/officeDocument/2006/relationships/hyperlink" Target="http://shop-masterinc.kz/photo/10329.jpg" TargetMode="External"/><Relationship Id="rId1107" Type="http://schemas.openxmlformats.org/officeDocument/2006/relationships/hyperlink" Target="http://shop-masterinc.kz/photo/804.jpg" TargetMode="External"/><Relationship Id="rId1314" Type="http://schemas.openxmlformats.org/officeDocument/2006/relationships/hyperlink" Target="http://shop-masterinc.kz/photo/5174.jpg" TargetMode="External"/><Relationship Id="rId1521" Type="http://schemas.openxmlformats.org/officeDocument/2006/relationships/hyperlink" Target="http://shop-masterinc.kz/photo/10113.jpg" TargetMode="External"/><Relationship Id="rId1759" Type="http://schemas.openxmlformats.org/officeDocument/2006/relationships/hyperlink" Target="http://shop-masterinc.kz/photo/4195.jpg" TargetMode="External"/><Relationship Id="rId1966" Type="http://schemas.openxmlformats.org/officeDocument/2006/relationships/hyperlink" Target="http://shop-masterinc.kz/photo/6861.jpg" TargetMode="External"/><Relationship Id="rId1619" Type="http://schemas.openxmlformats.org/officeDocument/2006/relationships/hyperlink" Target="http://shop-masterinc.kz/photo/8146.jpg" TargetMode="External"/><Relationship Id="rId1826" Type="http://schemas.openxmlformats.org/officeDocument/2006/relationships/hyperlink" Target="http://shop-masterinc.kz/photo/5802.jpg" TargetMode="External"/><Relationship Id="rId20" Type="http://schemas.openxmlformats.org/officeDocument/2006/relationships/hyperlink" Target="http://shop-masterinc.kz/photo/7934.jpg" TargetMode="External"/><Relationship Id="rId2088" Type="http://schemas.openxmlformats.org/officeDocument/2006/relationships/hyperlink" Target="http://shop-masterinc.kz/photo/10114.jpg" TargetMode="External"/><Relationship Id="rId267" Type="http://schemas.openxmlformats.org/officeDocument/2006/relationships/hyperlink" Target="http://shop-masterinc.kz/photo/3478.jpg" TargetMode="External"/><Relationship Id="rId474" Type="http://schemas.openxmlformats.org/officeDocument/2006/relationships/hyperlink" Target="http://shop-masterinc.kz/photo/4871.jpg" TargetMode="External"/><Relationship Id="rId2155" Type="http://schemas.openxmlformats.org/officeDocument/2006/relationships/hyperlink" Target="http://shop-masterinc.kz/photo/9752.jpg" TargetMode="External"/><Relationship Id="rId127" Type="http://schemas.openxmlformats.org/officeDocument/2006/relationships/hyperlink" Target="http://shop-masterinc.kz/photo/8488.jpg" TargetMode="External"/><Relationship Id="rId681" Type="http://schemas.openxmlformats.org/officeDocument/2006/relationships/hyperlink" Target="http://shop-masterinc.kz/photo/3714.jpg" TargetMode="External"/><Relationship Id="rId779" Type="http://schemas.openxmlformats.org/officeDocument/2006/relationships/hyperlink" Target="http://shop-masterinc.kz/photo/8320.jpg" TargetMode="External"/><Relationship Id="rId986" Type="http://schemas.openxmlformats.org/officeDocument/2006/relationships/hyperlink" Target="http://shop-masterinc.kz/photo/7787.jpg" TargetMode="External"/><Relationship Id="rId334" Type="http://schemas.openxmlformats.org/officeDocument/2006/relationships/hyperlink" Target="http://shop-masterinc.kz/photo/9231.jpg" TargetMode="External"/><Relationship Id="rId541" Type="http://schemas.openxmlformats.org/officeDocument/2006/relationships/hyperlink" Target="http://shop-masterinc.kz/photo/6932.jpg" TargetMode="External"/><Relationship Id="rId639" Type="http://schemas.openxmlformats.org/officeDocument/2006/relationships/hyperlink" Target="http://shop-masterinc.kz/photo/3227.jpg" TargetMode="External"/><Relationship Id="rId1171" Type="http://schemas.openxmlformats.org/officeDocument/2006/relationships/hyperlink" Target="http://shop-masterinc.kz/photo/1270.jpg" TargetMode="External"/><Relationship Id="rId1269" Type="http://schemas.openxmlformats.org/officeDocument/2006/relationships/hyperlink" Target="http://shop-masterinc.kz/photo/7024.jpg" TargetMode="External"/><Relationship Id="rId1476" Type="http://schemas.openxmlformats.org/officeDocument/2006/relationships/hyperlink" Target="http://shop-masterinc.kz/photo/7534.jpg" TargetMode="External"/><Relationship Id="rId2015" Type="http://schemas.openxmlformats.org/officeDocument/2006/relationships/hyperlink" Target="http://shop-masterinc.kz/photo/1310.jpg" TargetMode="External"/><Relationship Id="rId401" Type="http://schemas.openxmlformats.org/officeDocument/2006/relationships/hyperlink" Target="http://shop-masterinc.kz/photo/890.jpg" TargetMode="External"/><Relationship Id="rId846" Type="http://schemas.openxmlformats.org/officeDocument/2006/relationships/hyperlink" Target="http://shop-masterinc.kz/photo/4251.jpg" TargetMode="External"/><Relationship Id="rId1031" Type="http://schemas.openxmlformats.org/officeDocument/2006/relationships/hyperlink" Target="http://shop-masterinc.kz/photo/9927.jpg" TargetMode="External"/><Relationship Id="rId1129" Type="http://schemas.openxmlformats.org/officeDocument/2006/relationships/hyperlink" Target="http://shop-masterinc.kz/photo/5302.jpg" TargetMode="External"/><Relationship Id="rId1683" Type="http://schemas.openxmlformats.org/officeDocument/2006/relationships/hyperlink" Target="http://shop-masterinc.kz/photo/4964.jpg" TargetMode="External"/><Relationship Id="rId1890" Type="http://schemas.openxmlformats.org/officeDocument/2006/relationships/hyperlink" Target="http://shop-masterinc.kz/photo/9256.jpg" TargetMode="External"/><Relationship Id="rId1988" Type="http://schemas.openxmlformats.org/officeDocument/2006/relationships/hyperlink" Target="http://shop-masterinc.kz/photo/6122.jpg" TargetMode="External"/><Relationship Id="rId706" Type="http://schemas.openxmlformats.org/officeDocument/2006/relationships/hyperlink" Target="http://shop-masterinc.kz/photo/7370.jpg" TargetMode="External"/><Relationship Id="rId913" Type="http://schemas.openxmlformats.org/officeDocument/2006/relationships/hyperlink" Target="http://shop-masterinc.kz/photo/3595.jpg" TargetMode="External"/><Relationship Id="rId1336" Type="http://schemas.openxmlformats.org/officeDocument/2006/relationships/hyperlink" Target="http://shop-masterinc.kz/photo/3738.jpg" TargetMode="External"/><Relationship Id="rId1543" Type="http://schemas.openxmlformats.org/officeDocument/2006/relationships/hyperlink" Target="http://shop-masterinc.kz/photo/9682.jpg" TargetMode="External"/><Relationship Id="rId1750" Type="http://schemas.openxmlformats.org/officeDocument/2006/relationships/hyperlink" Target="http://shop-masterinc.kz/photo/4198.jpg" TargetMode="External"/><Relationship Id="rId42" Type="http://schemas.openxmlformats.org/officeDocument/2006/relationships/hyperlink" Target="http://shop-masterinc.kz/photo/10184.jpg" TargetMode="External"/><Relationship Id="rId1403" Type="http://schemas.openxmlformats.org/officeDocument/2006/relationships/hyperlink" Target="http://shop-masterinc.kz/photo/8442.jpg" TargetMode="External"/><Relationship Id="rId1610" Type="http://schemas.openxmlformats.org/officeDocument/2006/relationships/hyperlink" Target="http://shop-masterinc.kz/photo/6582.jpg" TargetMode="External"/><Relationship Id="rId1848" Type="http://schemas.openxmlformats.org/officeDocument/2006/relationships/hyperlink" Target="http://shop-masterinc.kz/photo/7208.jpg" TargetMode="External"/><Relationship Id="rId191" Type="http://schemas.openxmlformats.org/officeDocument/2006/relationships/hyperlink" Target="http://shop-masterinc.kz/photo/1364.jpg" TargetMode="External"/><Relationship Id="rId1708" Type="http://schemas.openxmlformats.org/officeDocument/2006/relationships/hyperlink" Target="http://shop-masterinc.kz/photo/7702.jpg" TargetMode="External"/><Relationship Id="rId1915" Type="http://schemas.openxmlformats.org/officeDocument/2006/relationships/hyperlink" Target="http://shop-masterinc.kz/photo/10288.jpg" TargetMode="External"/><Relationship Id="rId289" Type="http://schemas.openxmlformats.org/officeDocument/2006/relationships/hyperlink" Target="http://shop-masterinc.kz/photo/45.jpg" TargetMode="External"/><Relationship Id="rId496" Type="http://schemas.openxmlformats.org/officeDocument/2006/relationships/hyperlink" Target="http://shop-masterinc.kz/photo/6755.jpg" TargetMode="External"/><Relationship Id="rId149" Type="http://schemas.openxmlformats.org/officeDocument/2006/relationships/hyperlink" Target="http://shop-masterinc.kz/photo/7739.jpg" TargetMode="External"/><Relationship Id="rId356" Type="http://schemas.openxmlformats.org/officeDocument/2006/relationships/hyperlink" Target="http://shop-masterinc.kz/photo/7807.jpg" TargetMode="External"/><Relationship Id="rId563" Type="http://schemas.openxmlformats.org/officeDocument/2006/relationships/hyperlink" Target="http://shop-masterinc.kz/photo/6976.jpg" TargetMode="External"/><Relationship Id="rId770" Type="http://schemas.openxmlformats.org/officeDocument/2006/relationships/hyperlink" Target="http://shop-masterinc.kz/photo/7833.jpg" TargetMode="External"/><Relationship Id="rId1193" Type="http://schemas.openxmlformats.org/officeDocument/2006/relationships/hyperlink" Target="http://shop-masterinc.kz/photo/7628.jpg" TargetMode="External"/><Relationship Id="rId2037" Type="http://schemas.openxmlformats.org/officeDocument/2006/relationships/hyperlink" Target="http://shop-masterinc.kz/photo/4117.jpg" TargetMode="External"/><Relationship Id="rId216" Type="http://schemas.openxmlformats.org/officeDocument/2006/relationships/hyperlink" Target="http://shop-masterinc.kz/photo/1400.jpg" TargetMode="External"/><Relationship Id="rId423" Type="http://schemas.openxmlformats.org/officeDocument/2006/relationships/hyperlink" Target="http://shop-masterinc.kz/photo/452.jpg" TargetMode="External"/><Relationship Id="rId868" Type="http://schemas.openxmlformats.org/officeDocument/2006/relationships/hyperlink" Target="http://shop-masterinc.kz/photo/6245.jpg" TargetMode="External"/><Relationship Id="rId1053" Type="http://schemas.openxmlformats.org/officeDocument/2006/relationships/hyperlink" Target="http://shop-masterinc.kz/photo/3173.jpg" TargetMode="External"/><Relationship Id="rId1260" Type="http://schemas.openxmlformats.org/officeDocument/2006/relationships/hyperlink" Target="http://shop-masterinc.kz/photo/7901.jpg" TargetMode="External"/><Relationship Id="rId1498" Type="http://schemas.openxmlformats.org/officeDocument/2006/relationships/hyperlink" Target="http://shop-masterinc.kz/photo/10210.jpg" TargetMode="External"/><Relationship Id="rId2104" Type="http://schemas.openxmlformats.org/officeDocument/2006/relationships/hyperlink" Target="http://shop-masterinc.kz/photo/10112.jpg" TargetMode="External"/><Relationship Id="rId630" Type="http://schemas.openxmlformats.org/officeDocument/2006/relationships/hyperlink" Target="http://shop-masterinc.kz/photo/103.jpg" TargetMode="External"/><Relationship Id="rId728" Type="http://schemas.openxmlformats.org/officeDocument/2006/relationships/hyperlink" Target="http://shop-masterinc.kz/photo/4292.jpg" TargetMode="External"/><Relationship Id="rId935" Type="http://schemas.openxmlformats.org/officeDocument/2006/relationships/hyperlink" Target="http://shop-masterinc.kz/photo/882.jpg" TargetMode="External"/><Relationship Id="rId1358" Type="http://schemas.openxmlformats.org/officeDocument/2006/relationships/hyperlink" Target="http://shop-masterinc.kz/photo/5104.jpg" TargetMode="External"/><Relationship Id="rId1565" Type="http://schemas.openxmlformats.org/officeDocument/2006/relationships/hyperlink" Target="http://shop-masterinc.kz/photo/6937.jpg" TargetMode="External"/><Relationship Id="rId1772" Type="http://schemas.openxmlformats.org/officeDocument/2006/relationships/hyperlink" Target="http://shop-masterinc.kz/photo/4012.jpg" TargetMode="External"/><Relationship Id="rId64" Type="http://schemas.openxmlformats.org/officeDocument/2006/relationships/hyperlink" Target="http://shop-masterinc.kz/photo/9388.jpg" TargetMode="External"/><Relationship Id="rId1120" Type="http://schemas.openxmlformats.org/officeDocument/2006/relationships/hyperlink" Target="http://shop-masterinc.kz/photo/793.jpg" TargetMode="External"/><Relationship Id="rId1218" Type="http://schemas.openxmlformats.org/officeDocument/2006/relationships/hyperlink" Target="http://shop-masterinc.kz/photo/1181.jpg" TargetMode="External"/><Relationship Id="rId1425" Type="http://schemas.openxmlformats.org/officeDocument/2006/relationships/hyperlink" Target="http://shop-masterinc.kz/photo/10269.jpg" TargetMode="External"/><Relationship Id="rId1632" Type="http://schemas.openxmlformats.org/officeDocument/2006/relationships/hyperlink" Target="http://shop-masterinc.kz/photo/4914.jpg" TargetMode="External"/><Relationship Id="rId1937" Type="http://schemas.openxmlformats.org/officeDocument/2006/relationships/hyperlink" Target="http://shop-masterinc.kz/photo/8632.jpg" TargetMode="External"/><Relationship Id="rId280" Type="http://schemas.openxmlformats.org/officeDocument/2006/relationships/hyperlink" Target="http://shop-masterinc.kz/photo/5115.jpg" TargetMode="External"/><Relationship Id="rId140" Type="http://schemas.openxmlformats.org/officeDocument/2006/relationships/hyperlink" Target="http://shop-masterinc.kz/photo/8388.jpg" TargetMode="External"/><Relationship Id="rId378" Type="http://schemas.openxmlformats.org/officeDocument/2006/relationships/hyperlink" Target="http://shop-masterinc.kz/photo/5163.jpg" TargetMode="External"/><Relationship Id="rId585" Type="http://schemas.openxmlformats.org/officeDocument/2006/relationships/hyperlink" Target="http://shop-masterinc.kz/photo/8526.jpg" TargetMode="External"/><Relationship Id="rId792" Type="http://schemas.openxmlformats.org/officeDocument/2006/relationships/hyperlink" Target="http://shop-masterinc.kz/photo/7947.jpg" TargetMode="External"/><Relationship Id="rId2059" Type="http://schemas.openxmlformats.org/officeDocument/2006/relationships/hyperlink" Target="http://shop-masterinc.kz/photo/4574.jpg" TargetMode="External"/><Relationship Id="rId6" Type="http://schemas.openxmlformats.org/officeDocument/2006/relationships/hyperlink" Target="http://shop-masterinc.kz/photo/9151.jpg" TargetMode="External"/><Relationship Id="rId238" Type="http://schemas.openxmlformats.org/officeDocument/2006/relationships/hyperlink" Target="http://shop-masterinc.kz/photo/5166.jpg" TargetMode="External"/><Relationship Id="rId445" Type="http://schemas.openxmlformats.org/officeDocument/2006/relationships/hyperlink" Target="http://shop-masterinc.kz/photo/7554.jpg" TargetMode="External"/><Relationship Id="rId652" Type="http://schemas.openxmlformats.org/officeDocument/2006/relationships/hyperlink" Target="http://shop-masterinc.kz/photo/824.jpg" TargetMode="External"/><Relationship Id="rId1075" Type="http://schemas.openxmlformats.org/officeDocument/2006/relationships/hyperlink" Target="http://shop-masterinc.kz/photo/65.jpg" TargetMode="External"/><Relationship Id="rId1282" Type="http://schemas.openxmlformats.org/officeDocument/2006/relationships/hyperlink" Target="http://shop-masterinc.kz/photo/8201.jpg" TargetMode="External"/><Relationship Id="rId2126" Type="http://schemas.openxmlformats.org/officeDocument/2006/relationships/hyperlink" Target="http://shop-masterinc.kz/photo/9726.jpg" TargetMode="External"/><Relationship Id="rId305" Type="http://schemas.openxmlformats.org/officeDocument/2006/relationships/hyperlink" Target="http://shop-masterinc.kz/photo/8394.jpg" TargetMode="External"/><Relationship Id="rId512" Type="http://schemas.openxmlformats.org/officeDocument/2006/relationships/hyperlink" Target="http://shop-masterinc.kz/photo/5141.jpg" TargetMode="External"/><Relationship Id="rId957" Type="http://schemas.openxmlformats.org/officeDocument/2006/relationships/hyperlink" Target="http://shop-masterinc.kz/photo/7621.jpg" TargetMode="External"/><Relationship Id="rId1142" Type="http://schemas.openxmlformats.org/officeDocument/2006/relationships/hyperlink" Target="http://shop-masterinc.kz/photo/946.jpg" TargetMode="External"/><Relationship Id="rId1587" Type="http://schemas.openxmlformats.org/officeDocument/2006/relationships/hyperlink" Target="http://shop-masterinc.kz/photo/8157.jpg" TargetMode="External"/><Relationship Id="rId1794" Type="http://schemas.openxmlformats.org/officeDocument/2006/relationships/hyperlink" Target="http://shop-masterinc.kz/photo/7504.jpg" TargetMode="External"/><Relationship Id="rId86" Type="http://schemas.openxmlformats.org/officeDocument/2006/relationships/hyperlink" Target="http://shop-masterinc.kz/photo/10286.jpg" TargetMode="External"/><Relationship Id="rId817" Type="http://schemas.openxmlformats.org/officeDocument/2006/relationships/hyperlink" Target="http://shop-masterinc.kz/photo/856.jpg" TargetMode="External"/><Relationship Id="rId1002" Type="http://schemas.openxmlformats.org/officeDocument/2006/relationships/hyperlink" Target="http://shop-masterinc.kz/photo/8599.jpg" TargetMode="External"/><Relationship Id="rId1447" Type="http://schemas.openxmlformats.org/officeDocument/2006/relationships/hyperlink" Target="http://shop-masterinc.kz/photo/740.jpg" TargetMode="External"/><Relationship Id="rId1654" Type="http://schemas.openxmlformats.org/officeDocument/2006/relationships/hyperlink" Target="http://shop-masterinc.kz/photo/10213.jpg" TargetMode="External"/><Relationship Id="rId1861" Type="http://schemas.openxmlformats.org/officeDocument/2006/relationships/hyperlink" Target="http://shop-masterinc.kz/photo/7512.jpg" TargetMode="External"/><Relationship Id="rId1307" Type="http://schemas.openxmlformats.org/officeDocument/2006/relationships/hyperlink" Target="http://shop-masterinc.kz/photo/4400.jpg" TargetMode="External"/><Relationship Id="rId1514" Type="http://schemas.openxmlformats.org/officeDocument/2006/relationships/hyperlink" Target="http://shop-masterinc.kz/photo/7346.jpg" TargetMode="External"/><Relationship Id="rId1721" Type="http://schemas.openxmlformats.org/officeDocument/2006/relationships/hyperlink" Target="http://shop-masterinc.kz/photo/9531.jpg" TargetMode="External"/><Relationship Id="rId1959" Type="http://schemas.openxmlformats.org/officeDocument/2006/relationships/hyperlink" Target="http://shop-masterinc.kz/photo/8241.jpg" TargetMode="External"/><Relationship Id="rId13" Type="http://schemas.openxmlformats.org/officeDocument/2006/relationships/hyperlink" Target="http://shop-masterinc.kz/photo/6342.jpg" TargetMode="External"/><Relationship Id="rId1819" Type="http://schemas.openxmlformats.org/officeDocument/2006/relationships/hyperlink" Target="http://shop-masterinc.kz/photo/10271.jpg" TargetMode="External"/><Relationship Id="rId162" Type="http://schemas.openxmlformats.org/officeDocument/2006/relationships/hyperlink" Target="http://shop-masterinc.kz/photo/8623.jpg" TargetMode="External"/><Relationship Id="rId467" Type="http://schemas.openxmlformats.org/officeDocument/2006/relationships/hyperlink" Target="http://shop-masterinc.kz/photo/7642.jpg" TargetMode="External"/><Relationship Id="rId1097" Type="http://schemas.openxmlformats.org/officeDocument/2006/relationships/hyperlink" Target="http://shop-masterinc.kz/photo/6841.jpg" TargetMode="External"/><Relationship Id="rId2050" Type="http://schemas.openxmlformats.org/officeDocument/2006/relationships/hyperlink" Target="http://shop-masterinc.kz/photo/5025.jpg" TargetMode="External"/><Relationship Id="rId2148" Type="http://schemas.openxmlformats.org/officeDocument/2006/relationships/hyperlink" Target="http://shop-masterinc.kz/photo/3198.jpg" TargetMode="External"/><Relationship Id="rId674" Type="http://schemas.openxmlformats.org/officeDocument/2006/relationships/hyperlink" Target="http://shop-masterinc.kz/photo/7672.jpg" TargetMode="External"/><Relationship Id="rId881" Type="http://schemas.openxmlformats.org/officeDocument/2006/relationships/hyperlink" Target="http://shop-masterinc.kz/photo/6842.jpg" TargetMode="External"/><Relationship Id="rId979" Type="http://schemas.openxmlformats.org/officeDocument/2006/relationships/hyperlink" Target="http://shop-masterinc.kz/photo/866.jpg" TargetMode="External"/><Relationship Id="rId327" Type="http://schemas.openxmlformats.org/officeDocument/2006/relationships/hyperlink" Target="http://shop-masterinc.kz/photo/4377.jpg" TargetMode="External"/><Relationship Id="rId534" Type="http://schemas.openxmlformats.org/officeDocument/2006/relationships/hyperlink" Target="http://shop-masterinc.kz/photo/7798.jpg" TargetMode="External"/><Relationship Id="rId741" Type="http://schemas.openxmlformats.org/officeDocument/2006/relationships/hyperlink" Target="http://shop-masterinc.kz/photo/7662.jpg" TargetMode="External"/><Relationship Id="rId839" Type="http://schemas.openxmlformats.org/officeDocument/2006/relationships/hyperlink" Target="http://shop-masterinc.kz/photo/135.jpg" TargetMode="External"/><Relationship Id="rId1164" Type="http://schemas.openxmlformats.org/officeDocument/2006/relationships/hyperlink" Target="http://shop-masterinc.kz/photo/1229.jpg" TargetMode="External"/><Relationship Id="rId1371" Type="http://schemas.openxmlformats.org/officeDocument/2006/relationships/hyperlink" Target="http://shop-masterinc.kz/photo/1497.jpg" TargetMode="External"/><Relationship Id="rId1469" Type="http://schemas.openxmlformats.org/officeDocument/2006/relationships/hyperlink" Target="http://shop-masterinc.kz/photo/5531.jpg" TargetMode="External"/><Relationship Id="rId2008" Type="http://schemas.openxmlformats.org/officeDocument/2006/relationships/hyperlink" Target="http://shop-masterinc.kz/photo/4779.jpg" TargetMode="External"/><Relationship Id="rId601" Type="http://schemas.openxmlformats.org/officeDocument/2006/relationships/hyperlink" Target="http://shop-masterinc.kz/photo/7785.jpg" TargetMode="External"/><Relationship Id="rId1024" Type="http://schemas.openxmlformats.org/officeDocument/2006/relationships/hyperlink" Target="http://shop-masterinc.kz/photo/9889.jpg" TargetMode="External"/><Relationship Id="rId1231" Type="http://schemas.openxmlformats.org/officeDocument/2006/relationships/hyperlink" Target="http://shop-masterinc.kz/photo/3254.jpg" TargetMode="External"/><Relationship Id="rId1676" Type="http://schemas.openxmlformats.org/officeDocument/2006/relationships/hyperlink" Target="http://shop-masterinc.kz/photo/10218.jpg" TargetMode="External"/><Relationship Id="rId1883" Type="http://schemas.openxmlformats.org/officeDocument/2006/relationships/hyperlink" Target="http://shop-masterinc.kz/photo/9677.jpg" TargetMode="External"/><Relationship Id="rId906" Type="http://schemas.openxmlformats.org/officeDocument/2006/relationships/hyperlink" Target="http://shop-masterinc.kz/photo/7365.jpg" TargetMode="External"/><Relationship Id="rId1329" Type="http://schemas.openxmlformats.org/officeDocument/2006/relationships/hyperlink" Target="http://shop-masterinc.kz/photo/4540.jpg" TargetMode="External"/><Relationship Id="rId1536" Type="http://schemas.openxmlformats.org/officeDocument/2006/relationships/hyperlink" Target="http://shop-masterinc.kz/photo/10237.jpg" TargetMode="External"/><Relationship Id="rId1743" Type="http://schemas.openxmlformats.org/officeDocument/2006/relationships/hyperlink" Target="http://shop-masterinc.kz/photo/9681.jpg" TargetMode="External"/><Relationship Id="rId1950" Type="http://schemas.openxmlformats.org/officeDocument/2006/relationships/hyperlink" Target="http://shop-masterinc.kz/photo/9404.jpg" TargetMode="External"/><Relationship Id="rId35" Type="http://schemas.openxmlformats.org/officeDocument/2006/relationships/hyperlink" Target="http://shop-masterinc.kz/photo/6182.jpg" TargetMode="External"/><Relationship Id="rId1603" Type="http://schemas.openxmlformats.org/officeDocument/2006/relationships/hyperlink" Target="http://shop-masterinc.kz/photo/8572.jpg" TargetMode="External"/><Relationship Id="rId1810" Type="http://schemas.openxmlformats.org/officeDocument/2006/relationships/hyperlink" Target="http://shop-masterinc.kz/photo/9057.jpg" TargetMode="External"/><Relationship Id="rId184" Type="http://schemas.openxmlformats.org/officeDocument/2006/relationships/hyperlink" Target="http://shop-masterinc.kz/photo/7773.jpg" TargetMode="External"/><Relationship Id="rId391" Type="http://schemas.openxmlformats.org/officeDocument/2006/relationships/hyperlink" Target="http://shop-masterinc.kz/photo/5167.jpg" TargetMode="External"/><Relationship Id="rId1908" Type="http://schemas.openxmlformats.org/officeDocument/2006/relationships/hyperlink" Target="http://shop-masterinc.kz/photo/8362.jpg" TargetMode="External"/><Relationship Id="rId2072" Type="http://schemas.openxmlformats.org/officeDocument/2006/relationships/hyperlink" Target="http://shop-masterinc.kz/photo/10204.jpg" TargetMode="External"/><Relationship Id="rId251" Type="http://schemas.openxmlformats.org/officeDocument/2006/relationships/hyperlink" Target="http://shop-masterinc.kz/photo/1079.jpg" TargetMode="External"/><Relationship Id="rId489" Type="http://schemas.openxmlformats.org/officeDocument/2006/relationships/hyperlink" Target="http://shop-masterinc.kz/photo/3500.jpg" TargetMode="External"/><Relationship Id="rId696" Type="http://schemas.openxmlformats.org/officeDocument/2006/relationships/hyperlink" Target="http://shop-masterinc.kz/photo/7367.jpg" TargetMode="External"/><Relationship Id="rId349" Type="http://schemas.openxmlformats.org/officeDocument/2006/relationships/hyperlink" Target="http://shop-masterinc.kz/photo/1487.jpg" TargetMode="External"/><Relationship Id="rId556" Type="http://schemas.openxmlformats.org/officeDocument/2006/relationships/hyperlink" Target="http://shop-masterinc.kz/photo/6696.jpg" TargetMode="External"/><Relationship Id="rId763" Type="http://schemas.openxmlformats.org/officeDocument/2006/relationships/hyperlink" Target="http://shop-masterinc.kz/photo/6458.jpg" TargetMode="External"/><Relationship Id="rId1186" Type="http://schemas.openxmlformats.org/officeDocument/2006/relationships/hyperlink" Target="http://shop-masterinc.kz/photo/3905.jpg" TargetMode="External"/><Relationship Id="rId1393" Type="http://schemas.openxmlformats.org/officeDocument/2006/relationships/hyperlink" Target="http://shop-masterinc.kz/photo/4332.jpg" TargetMode="External"/><Relationship Id="rId111" Type="http://schemas.openxmlformats.org/officeDocument/2006/relationships/hyperlink" Target="http://shop-masterinc.kz/photo/8031.jpg" TargetMode="External"/><Relationship Id="rId209" Type="http://schemas.openxmlformats.org/officeDocument/2006/relationships/hyperlink" Target="http://shop-masterinc.kz/photo/9392.jpg" TargetMode="External"/><Relationship Id="rId416" Type="http://schemas.openxmlformats.org/officeDocument/2006/relationships/hyperlink" Target="http://shop-masterinc.kz/photo/1100.jpg" TargetMode="External"/><Relationship Id="rId970" Type="http://schemas.openxmlformats.org/officeDocument/2006/relationships/hyperlink" Target="http://shop-masterinc.kz/photo/6688.jpg" TargetMode="External"/><Relationship Id="rId1046" Type="http://schemas.openxmlformats.org/officeDocument/2006/relationships/hyperlink" Target="http://shop-masterinc.kz/photo/787.jpg" TargetMode="External"/><Relationship Id="rId1253" Type="http://schemas.openxmlformats.org/officeDocument/2006/relationships/hyperlink" Target="http://shop-masterinc.kz/photo/7795.jpg" TargetMode="External"/><Relationship Id="rId1698" Type="http://schemas.openxmlformats.org/officeDocument/2006/relationships/hyperlink" Target="http://shop-masterinc.kz/photo/6571.jpg" TargetMode="External"/><Relationship Id="rId623" Type="http://schemas.openxmlformats.org/officeDocument/2006/relationships/hyperlink" Target="http://shop-masterinc.kz/photo/6642.jpg" TargetMode="External"/><Relationship Id="rId830" Type="http://schemas.openxmlformats.org/officeDocument/2006/relationships/hyperlink" Target="http://shop-masterinc.kz/photo/1555.jpg" TargetMode="External"/><Relationship Id="rId928" Type="http://schemas.openxmlformats.org/officeDocument/2006/relationships/hyperlink" Target="http://shop-masterinc.kz/photo/8654.jpg" TargetMode="External"/><Relationship Id="rId1460" Type="http://schemas.openxmlformats.org/officeDocument/2006/relationships/hyperlink" Target="http://shop-masterinc.kz/photo/7992.jpg" TargetMode="External"/><Relationship Id="rId1558" Type="http://schemas.openxmlformats.org/officeDocument/2006/relationships/hyperlink" Target="http://shop-masterinc.kz/photo/7073.jpg" TargetMode="External"/><Relationship Id="rId1765" Type="http://schemas.openxmlformats.org/officeDocument/2006/relationships/hyperlink" Target="http://shop-masterinc.kz/photo/5903.jpg" TargetMode="External"/><Relationship Id="rId57" Type="http://schemas.openxmlformats.org/officeDocument/2006/relationships/hyperlink" Target="http://shop-masterinc.kz/photo/9270.jpg" TargetMode="External"/><Relationship Id="rId1113" Type="http://schemas.openxmlformats.org/officeDocument/2006/relationships/hyperlink" Target="http://shop-masterinc.kz/photo/6191.jpg" TargetMode="External"/><Relationship Id="rId1320" Type="http://schemas.openxmlformats.org/officeDocument/2006/relationships/hyperlink" Target="http://shop-masterinc.kz/photo/4082.jpg" TargetMode="External"/><Relationship Id="rId1418" Type="http://schemas.openxmlformats.org/officeDocument/2006/relationships/hyperlink" Target="http://shop-masterinc.kz/photo/7116.jpg" TargetMode="External"/><Relationship Id="rId1972" Type="http://schemas.openxmlformats.org/officeDocument/2006/relationships/hyperlink" Target="http://shop-masterinc.kz/photo/9125.jpg" TargetMode="External"/><Relationship Id="rId1625" Type="http://schemas.openxmlformats.org/officeDocument/2006/relationships/hyperlink" Target="http://shop-masterinc.kz/photo/5992.jpg" TargetMode="External"/><Relationship Id="rId1832" Type="http://schemas.openxmlformats.org/officeDocument/2006/relationships/hyperlink" Target="http://shop-masterinc.kz/photo/9042.jpg" TargetMode="External"/><Relationship Id="rId2094" Type="http://schemas.openxmlformats.org/officeDocument/2006/relationships/hyperlink" Target="http://shop-masterinc.kz/photo/10168.jpg" TargetMode="External"/><Relationship Id="rId273" Type="http://schemas.openxmlformats.org/officeDocument/2006/relationships/hyperlink" Target="http://shop-masterinc.kz/photo/5123.jpg" TargetMode="External"/><Relationship Id="rId480" Type="http://schemas.openxmlformats.org/officeDocument/2006/relationships/hyperlink" Target="http://shop-masterinc.kz/photo/4371.jpg" TargetMode="External"/><Relationship Id="rId2161" Type="http://schemas.openxmlformats.org/officeDocument/2006/relationships/hyperlink" Target="http://shop-masterinc.kz/photo/6654.jpg" TargetMode="External"/><Relationship Id="rId133" Type="http://schemas.openxmlformats.org/officeDocument/2006/relationships/hyperlink" Target="http://shop-masterinc.kz/photo/8489.jpg" TargetMode="External"/><Relationship Id="rId340" Type="http://schemas.openxmlformats.org/officeDocument/2006/relationships/hyperlink" Target="http://shop-masterinc.kz/photo/5944.jpg" TargetMode="External"/><Relationship Id="rId578" Type="http://schemas.openxmlformats.org/officeDocument/2006/relationships/hyperlink" Target="http://shop-masterinc.kz/photo/3439.jpg" TargetMode="External"/><Relationship Id="rId785" Type="http://schemas.openxmlformats.org/officeDocument/2006/relationships/hyperlink" Target="http://shop-masterinc.kz/photo/9111.jpg" TargetMode="External"/><Relationship Id="rId992" Type="http://schemas.openxmlformats.org/officeDocument/2006/relationships/hyperlink" Target="http://shop-masterinc.kz/photo/7557.jpg" TargetMode="External"/><Relationship Id="rId2021" Type="http://schemas.openxmlformats.org/officeDocument/2006/relationships/hyperlink" Target="http://shop-masterinc.kz/photo/7166.jpg" TargetMode="External"/><Relationship Id="rId200" Type="http://schemas.openxmlformats.org/officeDocument/2006/relationships/hyperlink" Target="http://shop-masterinc.kz/photo/4990.jpg" TargetMode="External"/><Relationship Id="rId438" Type="http://schemas.openxmlformats.org/officeDocument/2006/relationships/hyperlink" Target="http://shop-masterinc.kz/photo/4799.jpg" TargetMode="External"/><Relationship Id="rId645" Type="http://schemas.openxmlformats.org/officeDocument/2006/relationships/hyperlink" Target="http://shop-masterinc.kz/photo/3497.jpg" TargetMode="External"/><Relationship Id="rId852" Type="http://schemas.openxmlformats.org/officeDocument/2006/relationships/hyperlink" Target="http://shop-masterinc.kz/photo/7355.jpg" TargetMode="External"/><Relationship Id="rId1068" Type="http://schemas.openxmlformats.org/officeDocument/2006/relationships/hyperlink" Target="http://shop-masterinc.kz/photo/6354.jpg" TargetMode="External"/><Relationship Id="rId1275" Type="http://schemas.openxmlformats.org/officeDocument/2006/relationships/hyperlink" Target="http://shop-masterinc.kz/photo/7021.jpg" TargetMode="External"/><Relationship Id="rId1482" Type="http://schemas.openxmlformats.org/officeDocument/2006/relationships/hyperlink" Target="http://shop-masterinc.kz/photo/1649.jpg" TargetMode="External"/><Relationship Id="rId2119" Type="http://schemas.openxmlformats.org/officeDocument/2006/relationships/hyperlink" Target="http://shop-masterinc.kz/photo/9727.jpg" TargetMode="External"/><Relationship Id="rId505" Type="http://schemas.openxmlformats.org/officeDocument/2006/relationships/hyperlink" Target="http://shop-masterinc.kz/photo/5695.jpg" TargetMode="External"/><Relationship Id="rId712" Type="http://schemas.openxmlformats.org/officeDocument/2006/relationships/hyperlink" Target="http://shop-masterinc.kz/photo/847.jpg" TargetMode="External"/><Relationship Id="rId1135" Type="http://schemas.openxmlformats.org/officeDocument/2006/relationships/hyperlink" Target="http://shop-masterinc.kz/photo/1164.jpg" TargetMode="External"/><Relationship Id="rId1342" Type="http://schemas.openxmlformats.org/officeDocument/2006/relationships/hyperlink" Target="http://shop-masterinc.kz/photo/7089.jpg" TargetMode="External"/><Relationship Id="rId1787" Type="http://schemas.openxmlformats.org/officeDocument/2006/relationships/hyperlink" Target="http://shop-masterinc.kz/photo/5613.jpg" TargetMode="External"/><Relationship Id="rId1994" Type="http://schemas.openxmlformats.org/officeDocument/2006/relationships/hyperlink" Target="http://shop-masterinc.kz/photo/3204.jpg" TargetMode="External"/><Relationship Id="rId79" Type="http://schemas.openxmlformats.org/officeDocument/2006/relationships/hyperlink" Target="http://shop-masterinc.kz/photo/8847.jpg" TargetMode="External"/><Relationship Id="rId1202" Type="http://schemas.openxmlformats.org/officeDocument/2006/relationships/hyperlink" Target="http://shop-masterinc.kz/photo/3212.jpg" TargetMode="External"/><Relationship Id="rId1647" Type="http://schemas.openxmlformats.org/officeDocument/2006/relationships/hyperlink" Target="http://shop-masterinc.kz/photo/7445.jpg" TargetMode="External"/><Relationship Id="rId1854" Type="http://schemas.openxmlformats.org/officeDocument/2006/relationships/hyperlink" Target="http://shop-masterinc.kz/photo/7425.jpg" TargetMode="External"/><Relationship Id="rId1507" Type="http://schemas.openxmlformats.org/officeDocument/2006/relationships/hyperlink" Target="http://shop-masterinc.kz/photo/10183.jpg" TargetMode="External"/><Relationship Id="rId1714" Type="http://schemas.openxmlformats.org/officeDocument/2006/relationships/hyperlink" Target="http://shop-masterinc.kz/photo/10221.jpg" TargetMode="External"/><Relationship Id="rId295" Type="http://schemas.openxmlformats.org/officeDocument/2006/relationships/hyperlink" Target="http://shop-masterinc.kz/photo/7829.jpg" TargetMode="External"/><Relationship Id="rId1921" Type="http://schemas.openxmlformats.org/officeDocument/2006/relationships/hyperlink" Target="http://shop-masterinc.kz/photo/6061.jpg" TargetMode="External"/><Relationship Id="rId155" Type="http://schemas.openxmlformats.org/officeDocument/2006/relationships/hyperlink" Target="http://shop-masterinc.kz/photo/9248.jpg" TargetMode="External"/><Relationship Id="rId362" Type="http://schemas.openxmlformats.org/officeDocument/2006/relationships/hyperlink" Target="http://shop-masterinc.kz/photo/7061.jpg" TargetMode="External"/><Relationship Id="rId1297" Type="http://schemas.openxmlformats.org/officeDocument/2006/relationships/hyperlink" Target="http://shop-masterinc.kz/photo/5207.jpg" TargetMode="External"/><Relationship Id="rId2043" Type="http://schemas.openxmlformats.org/officeDocument/2006/relationships/hyperlink" Target="http://shop-masterinc.kz/photo/686.jpg" TargetMode="External"/><Relationship Id="rId222" Type="http://schemas.openxmlformats.org/officeDocument/2006/relationships/hyperlink" Target="http://shop-masterinc.kz/photo/87.jpg" TargetMode="External"/><Relationship Id="rId667" Type="http://schemas.openxmlformats.org/officeDocument/2006/relationships/hyperlink" Target="http://shop-masterinc.kz/photo/3175.jpg" TargetMode="External"/><Relationship Id="rId874" Type="http://schemas.openxmlformats.org/officeDocument/2006/relationships/hyperlink" Target="http://shop-masterinc.kz/photo/5122.jpg" TargetMode="External"/><Relationship Id="rId1725" Type="http://schemas.openxmlformats.org/officeDocument/2006/relationships/hyperlink" Target="http://shop-masterinc.kz/photo/5617.jpg" TargetMode="External"/><Relationship Id="rId1932" Type="http://schemas.openxmlformats.org/officeDocument/2006/relationships/hyperlink" Target="http://shop-masterinc.kz/photo/8627.jpg" TargetMode="External"/><Relationship Id="rId2110" Type="http://schemas.openxmlformats.org/officeDocument/2006/relationships/hyperlink" Target="http://shop-masterinc.kz/photo/10110.jpg" TargetMode="External"/><Relationship Id="rId17" Type="http://schemas.openxmlformats.org/officeDocument/2006/relationships/hyperlink" Target="http://shop-masterinc.kz/photo/6988.jpg" TargetMode="External"/><Relationship Id="rId527" Type="http://schemas.openxmlformats.org/officeDocument/2006/relationships/hyperlink" Target="http://shop-masterinc.kz/photo/4474.jpg" TargetMode="External"/><Relationship Id="rId734" Type="http://schemas.openxmlformats.org/officeDocument/2006/relationships/hyperlink" Target="http://shop-masterinc.kz/photo/6546.jpg" TargetMode="External"/><Relationship Id="rId941" Type="http://schemas.openxmlformats.org/officeDocument/2006/relationships/hyperlink" Target="http://shop-masterinc.kz/photo/8645.jpg" TargetMode="External"/><Relationship Id="rId1157" Type="http://schemas.openxmlformats.org/officeDocument/2006/relationships/hyperlink" Target="http://shop-masterinc.kz/photo/8698.jpg" TargetMode="External"/><Relationship Id="rId1364" Type="http://schemas.openxmlformats.org/officeDocument/2006/relationships/hyperlink" Target="http://shop-masterinc.kz/photo/6904.jpg" TargetMode="External"/><Relationship Id="rId1571" Type="http://schemas.openxmlformats.org/officeDocument/2006/relationships/hyperlink" Target="http://shop-masterinc.kz/photo/6951.jpg" TargetMode="External"/><Relationship Id="rId70" Type="http://schemas.openxmlformats.org/officeDocument/2006/relationships/hyperlink" Target="http://shop-masterinc.kz/photo/9637.jpg" TargetMode="External"/><Relationship Id="rId166" Type="http://schemas.openxmlformats.org/officeDocument/2006/relationships/hyperlink" Target="http://shop-masterinc.kz/photo/8621.jpg" TargetMode="External"/><Relationship Id="rId373" Type="http://schemas.openxmlformats.org/officeDocument/2006/relationships/hyperlink" Target="http://shop-masterinc.kz/photo/6009.jpg" TargetMode="External"/><Relationship Id="rId580" Type="http://schemas.openxmlformats.org/officeDocument/2006/relationships/hyperlink" Target="http://shop-masterinc.kz/photo/8400.jpg" TargetMode="External"/><Relationship Id="rId801" Type="http://schemas.openxmlformats.org/officeDocument/2006/relationships/hyperlink" Target="http://shop-masterinc.kz/photo/5868.jpg" TargetMode="External"/><Relationship Id="rId1017" Type="http://schemas.openxmlformats.org/officeDocument/2006/relationships/hyperlink" Target="http://shop-masterinc.kz/photo/7935.jpg" TargetMode="External"/><Relationship Id="rId1224" Type="http://schemas.openxmlformats.org/officeDocument/2006/relationships/hyperlink" Target="http://shop-masterinc.kz/photo/3687.jpg" TargetMode="External"/><Relationship Id="rId1431" Type="http://schemas.openxmlformats.org/officeDocument/2006/relationships/hyperlink" Target="http://shop-masterinc.kz/photo/9381.jpg" TargetMode="External"/><Relationship Id="rId1669" Type="http://schemas.openxmlformats.org/officeDocument/2006/relationships/hyperlink" Target="http://shop-masterinc.kz/photo/770.jpg" TargetMode="External"/><Relationship Id="rId1876" Type="http://schemas.openxmlformats.org/officeDocument/2006/relationships/hyperlink" Target="http://shop-masterinc.kz/photo/8767.jpg" TargetMode="External"/><Relationship Id="rId2054" Type="http://schemas.openxmlformats.org/officeDocument/2006/relationships/hyperlink" Target="http://shop-masterinc.kz/photo/692.jpg" TargetMode="External"/><Relationship Id="rId1" Type="http://schemas.openxmlformats.org/officeDocument/2006/relationships/hyperlink" Target="http://shop-masterinc.kz/price" TargetMode="External"/><Relationship Id="rId233" Type="http://schemas.openxmlformats.org/officeDocument/2006/relationships/hyperlink" Target="http://shop-masterinc.kz/photo/9311.jpg" TargetMode="External"/><Relationship Id="rId440" Type="http://schemas.openxmlformats.org/officeDocument/2006/relationships/hyperlink" Target="http://shop-masterinc.kz/photo/5513.jpg" TargetMode="External"/><Relationship Id="rId678" Type="http://schemas.openxmlformats.org/officeDocument/2006/relationships/hyperlink" Target="http://shop-masterinc.kz/photo/5311.jpg" TargetMode="External"/><Relationship Id="rId885" Type="http://schemas.openxmlformats.org/officeDocument/2006/relationships/hyperlink" Target="http://shop-masterinc.kz/photo/5341.jpg" TargetMode="External"/><Relationship Id="rId1070" Type="http://schemas.openxmlformats.org/officeDocument/2006/relationships/hyperlink" Target="http://shop-masterinc.kz/photo/5642.jpg" TargetMode="External"/><Relationship Id="rId1529" Type="http://schemas.openxmlformats.org/officeDocument/2006/relationships/hyperlink" Target="http://shop-masterinc.kz/photo/8175.jpg" TargetMode="External"/><Relationship Id="rId1736" Type="http://schemas.openxmlformats.org/officeDocument/2006/relationships/hyperlink" Target="http://shop-masterinc.kz/photo/9596.jpg" TargetMode="External"/><Relationship Id="rId1943" Type="http://schemas.openxmlformats.org/officeDocument/2006/relationships/hyperlink" Target="http://shop-masterinc.kz/photo/7427.jpg" TargetMode="External"/><Relationship Id="rId2121" Type="http://schemas.openxmlformats.org/officeDocument/2006/relationships/hyperlink" Target="http://shop-masterinc.kz/photo/973.jpg" TargetMode="External"/><Relationship Id="rId28" Type="http://schemas.openxmlformats.org/officeDocument/2006/relationships/hyperlink" Target="http://shop-masterinc.kz/photo/8590.jpg" TargetMode="External"/><Relationship Id="rId300" Type="http://schemas.openxmlformats.org/officeDocument/2006/relationships/hyperlink" Target="http://shop-masterinc.kz/photo/10258.jpg" TargetMode="External"/><Relationship Id="rId538" Type="http://schemas.openxmlformats.org/officeDocument/2006/relationships/hyperlink" Target="http://shop-masterinc.kz/photo/8236.jpg" TargetMode="External"/><Relationship Id="rId745" Type="http://schemas.openxmlformats.org/officeDocument/2006/relationships/hyperlink" Target="http://shop-masterinc.kz/photo/1124.jpg" TargetMode="External"/><Relationship Id="rId952" Type="http://schemas.openxmlformats.org/officeDocument/2006/relationships/hyperlink" Target="http://shop-masterinc.kz/photo/8066.jpg" TargetMode="External"/><Relationship Id="rId1168" Type="http://schemas.openxmlformats.org/officeDocument/2006/relationships/hyperlink" Target="http://shop-masterinc.kz/photo/5586.jpg" TargetMode="External"/><Relationship Id="rId1375" Type="http://schemas.openxmlformats.org/officeDocument/2006/relationships/hyperlink" Target="http://shop-masterinc.kz/photo/5002.jpg" TargetMode="External"/><Relationship Id="rId1582" Type="http://schemas.openxmlformats.org/officeDocument/2006/relationships/hyperlink" Target="http://shop-masterinc.kz/photo/8559.jpg" TargetMode="External"/><Relationship Id="rId1803" Type="http://schemas.openxmlformats.org/officeDocument/2006/relationships/hyperlink" Target="http://shop-masterinc.kz/photo/7194.jpg" TargetMode="External"/><Relationship Id="rId81" Type="http://schemas.openxmlformats.org/officeDocument/2006/relationships/hyperlink" Target="http://shop-masterinc.kz/photo/8971.jpg" TargetMode="External"/><Relationship Id="rId177" Type="http://schemas.openxmlformats.org/officeDocument/2006/relationships/hyperlink" Target="http://shop-masterinc.kz/photo/208.jpg" TargetMode="External"/><Relationship Id="rId384" Type="http://schemas.openxmlformats.org/officeDocument/2006/relationships/hyperlink" Target="http://shop-masterinc.kz/photo/7881.jpg" TargetMode="External"/><Relationship Id="rId591" Type="http://schemas.openxmlformats.org/officeDocument/2006/relationships/hyperlink" Target="http://shop-masterinc.kz/photo/9372.jpg" TargetMode="External"/><Relationship Id="rId605" Type="http://schemas.openxmlformats.org/officeDocument/2006/relationships/hyperlink" Target="http://shop-masterinc.kz/photo/6443.jpg" TargetMode="External"/><Relationship Id="rId812" Type="http://schemas.openxmlformats.org/officeDocument/2006/relationships/hyperlink" Target="http://shop-masterinc.kz/photo/8056.jpg" TargetMode="External"/><Relationship Id="rId1028" Type="http://schemas.openxmlformats.org/officeDocument/2006/relationships/hyperlink" Target="http://shop-masterinc.kz/photo/7190.jpg" TargetMode="External"/><Relationship Id="rId1235" Type="http://schemas.openxmlformats.org/officeDocument/2006/relationships/hyperlink" Target="http://shop-masterinc.kz/photo/3805.jpg" TargetMode="External"/><Relationship Id="rId1442" Type="http://schemas.openxmlformats.org/officeDocument/2006/relationships/hyperlink" Target="http://shop-masterinc.kz/photo/9527.jpg" TargetMode="External"/><Relationship Id="rId1887" Type="http://schemas.openxmlformats.org/officeDocument/2006/relationships/hyperlink" Target="http://shop-masterinc.kz/photo/9260.jpg" TargetMode="External"/><Relationship Id="rId2065" Type="http://schemas.openxmlformats.org/officeDocument/2006/relationships/hyperlink" Target="http://shop-masterinc.kz/photo/4668.jpg" TargetMode="External"/><Relationship Id="rId244" Type="http://schemas.openxmlformats.org/officeDocument/2006/relationships/hyperlink" Target="http://shop-masterinc.kz/photo/9634.jpg" TargetMode="External"/><Relationship Id="rId689" Type="http://schemas.openxmlformats.org/officeDocument/2006/relationships/hyperlink" Target="http://shop-masterinc.kz/photo/3925.jpg" TargetMode="External"/><Relationship Id="rId896" Type="http://schemas.openxmlformats.org/officeDocument/2006/relationships/hyperlink" Target="http://shop-masterinc.kz/photo/6601.jpg" TargetMode="External"/><Relationship Id="rId1081" Type="http://schemas.openxmlformats.org/officeDocument/2006/relationships/hyperlink" Target="http://shop-masterinc.kz/photo/8001.jpg" TargetMode="External"/><Relationship Id="rId1302" Type="http://schemas.openxmlformats.org/officeDocument/2006/relationships/hyperlink" Target="http://shop-masterinc.kz/photo/3383.jpg" TargetMode="External"/><Relationship Id="rId1747" Type="http://schemas.openxmlformats.org/officeDocument/2006/relationships/hyperlink" Target="http://shop-masterinc.kz/photo/5241.jpg" TargetMode="External"/><Relationship Id="rId1954" Type="http://schemas.openxmlformats.org/officeDocument/2006/relationships/hyperlink" Target="http://shop-masterinc.kz/photo/9123.jpg" TargetMode="External"/><Relationship Id="rId39" Type="http://schemas.openxmlformats.org/officeDocument/2006/relationships/hyperlink" Target="http://shop-masterinc.kz/photo/6106.jpg" TargetMode="External"/><Relationship Id="rId451" Type="http://schemas.openxmlformats.org/officeDocument/2006/relationships/hyperlink" Target="http://shop-masterinc.kz/photo/8471.jpg" TargetMode="External"/><Relationship Id="rId549" Type="http://schemas.openxmlformats.org/officeDocument/2006/relationships/hyperlink" Target="http://shop-masterinc.kz/photo/7037.jpg" TargetMode="External"/><Relationship Id="rId756" Type="http://schemas.openxmlformats.org/officeDocument/2006/relationships/hyperlink" Target="http://shop-masterinc.kz/photo/1427.jpg" TargetMode="External"/><Relationship Id="rId1179" Type="http://schemas.openxmlformats.org/officeDocument/2006/relationships/hyperlink" Target="http://shop-masterinc.kz/photo/3482.jpg" TargetMode="External"/><Relationship Id="rId1386" Type="http://schemas.openxmlformats.org/officeDocument/2006/relationships/hyperlink" Target="http://shop-masterinc.kz/photo/6006.jpg" TargetMode="External"/><Relationship Id="rId1593" Type="http://schemas.openxmlformats.org/officeDocument/2006/relationships/hyperlink" Target="http://shop-masterinc.kz/photo/8234.jpg" TargetMode="External"/><Relationship Id="rId1607" Type="http://schemas.openxmlformats.org/officeDocument/2006/relationships/hyperlink" Target="http://shop-masterinc.kz/photo/6576.jpg" TargetMode="External"/><Relationship Id="rId1814" Type="http://schemas.openxmlformats.org/officeDocument/2006/relationships/hyperlink" Target="http://shop-masterinc.kz/photo/9040.jpg" TargetMode="External"/><Relationship Id="rId2132" Type="http://schemas.openxmlformats.org/officeDocument/2006/relationships/hyperlink" Target="http://shop-masterinc.kz/photo/10277.jpg" TargetMode="External"/><Relationship Id="rId104" Type="http://schemas.openxmlformats.org/officeDocument/2006/relationships/hyperlink" Target="http://shop-masterinc.kz/photo/7844.jpg" TargetMode="External"/><Relationship Id="rId188" Type="http://schemas.openxmlformats.org/officeDocument/2006/relationships/hyperlink" Target="http://shop-masterinc.kz/photo/7471.jpg" TargetMode="External"/><Relationship Id="rId311" Type="http://schemas.openxmlformats.org/officeDocument/2006/relationships/hyperlink" Target="http://shop-masterinc.kz/photo/8584.jpg" TargetMode="External"/><Relationship Id="rId395" Type="http://schemas.openxmlformats.org/officeDocument/2006/relationships/hyperlink" Target="http://shop-masterinc.kz/photo/889.jpg" TargetMode="External"/><Relationship Id="rId409" Type="http://schemas.openxmlformats.org/officeDocument/2006/relationships/hyperlink" Target="http://shop-masterinc.kz/photo/9327.jpg" TargetMode="External"/><Relationship Id="rId963" Type="http://schemas.openxmlformats.org/officeDocument/2006/relationships/hyperlink" Target="http://shop-masterinc.kz/photo/9240.jpg" TargetMode="External"/><Relationship Id="rId1039" Type="http://schemas.openxmlformats.org/officeDocument/2006/relationships/hyperlink" Target="http://shop-masterinc.kz/photo/9922.jpg" TargetMode="External"/><Relationship Id="rId1246" Type="http://schemas.openxmlformats.org/officeDocument/2006/relationships/hyperlink" Target="http://shop-masterinc.kz/photo/6666.jpg" TargetMode="External"/><Relationship Id="rId1898" Type="http://schemas.openxmlformats.org/officeDocument/2006/relationships/hyperlink" Target="http://shop-masterinc.kz/photo/6727.jpg" TargetMode="External"/><Relationship Id="rId2076" Type="http://schemas.openxmlformats.org/officeDocument/2006/relationships/hyperlink" Target="http://shop-masterinc.kz/photo/9997.jpg" TargetMode="External"/><Relationship Id="rId92" Type="http://schemas.openxmlformats.org/officeDocument/2006/relationships/hyperlink" Target="http://shop-masterinc.kz/photo/8027.jpg" TargetMode="External"/><Relationship Id="rId616" Type="http://schemas.openxmlformats.org/officeDocument/2006/relationships/hyperlink" Target="http://shop-masterinc.kz/photo/1777.jpg" TargetMode="External"/><Relationship Id="rId823" Type="http://schemas.openxmlformats.org/officeDocument/2006/relationships/hyperlink" Target="http://shop-masterinc.kz/photo/7651.jpg" TargetMode="External"/><Relationship Id="rId1453" Type="http://schemas.openxmlformats.org/officeDocument/2006/relationships/hyperlink" Target="http://shop-masterinc.kz/photo/8687.jpg" TargetMode="External"/><Relationship Id="rId1660" Type="http://schemas.openxmlformats.org/officeDocument/2006/relationships/hyperlink" Target="http://shop-masterinc.kz/photo/7007.jpg" TargetMode="External"/><Relationship Id="rId1758" Type="http://schemas.openxmlformats.org/officeDocument/2006/relationships/hyperlink" Target="http://shop-masterinc.kz/photo/9625.jpg" TargetMode="External"/><Relationship Id="rId255" Type="http://schemas.openxmlformats.org/officeDocument/2006/relationships/hyperlink" Target="http://shop-masterinc.kz/photo/3098.jpg" TargetMode="External"/><Relationship Id="rId462" Type="http://schemas.openxmlformats.org/officeDocument/2006/relationships/hyperlink" Target="http://shop-masterinc.kz/photo/457.jpg" TargetMode="External"/><Relationship Id="rId1092" Type="http://schemas.openxmlformats.org/officeDocument/2006/relationships/hyperlink" Target="http://shop-masterinc.kz/photo/4283.jpg" TargetMode="External"/><Relationship Id="rId1106" Type="http://schemas.openxmlformats.org/officeDocument/2006/relationships/hyperlink" Target="http://shop-masterinc.kz/photo/794.jpg" TargetMode="External"/><Relationship Id="rId1313" Type="http://schemas.openxmlformats.org/officeDocument/2006/relationships/hyperlink" Target="http://shop-masterinc.kz/photo/1717.jpg" TargetMode="External"/><Relationship Id="rId1397" Type="http://schemas.openxmlformats.org/officeDocument/2006/relationships/hyperlink" Target="http://shop-masterinc.kz/photo/4353.jpg" TargetMode="External"/><Relationship Id="rId1520" Type="http://schemas.openxmlformats.org/officeDocument/2006/relationships/hyperlink" Target="http://shop-masterinc.kz/photo/6314.jpg" TargetMode="External"/><Relationship Id="rId1965" Type="http://schemas.openxmlformats.org/officeDocument/2006/relationships/hyperlink" Target="http://shop-masterinc.kz/photo/3326.jpg" TargetMode="External"/><Relationship Id="rId2143" Type="http://schemas.openxmlformats.org/officeDocument/2006/relationships/hyperlink" Target="http://shop-masterinc.kz/photo/9721.jpg" TargetMode="External"/><Relationship Id="rId115" Type="http://schemas.openxmlformats.org/officeDocument/2006/relationships/hyperlink" Target="http://shop-masterinc.kz/photo/7753.jpg" TargetMode="External"/><Relationship Id="rId322" Type="http://schemas.openxmlformats.org/officeDocument/2006/relationships/hyperlink" Target="http://shop-masterinc.kz/photo/4374.jpg" TargetMode="External"/><Relationship Id="rId767" Type="http://schemas.openxmlformats.org/officeDocument/2006/relationships/hyperlink" Target="http://shop-masterinc.kz/photo/7650.jpg" TargetMode="External"/><Relationship Id="rId974" Type="http://schemas.openxmlformats.org/officeDocument/2006/relationships/hyperlink" Target="http://shop-masterinc.kz/photo/3666.jpg" TargetMode="External"/><Relationship Id="rId1618" Type="http://schemas.openxmlformats.org/officeDocument/2006/relationships/hyperlink" Target="http://shop-masterinc.kz/photo/7352.jpg" TargetMode="External"/><Relationship Id="rId1825" Type="http://schemas.openxmlformats.org/officeDocument/2006/relationships/hyperlink" Target="http://shop-masterinc.kz/photo/5803.jpg" TargetMode="External"/><Relationship Id="rId2003" Type="http://schemas.openxmlformats.org/officeDocument/2006/relationships/hyperlink" Target="http://shop-masterinc.kz/photo/5462.jpg" TargetMode="External"/><Relationship Id="rId199" Type="http://schemas.openxmlformats.org/officeDocument/2006/relationships/hyperlink" Target="http://shop-masterinc.kz/photo/6997.jpg" TargetMode="External"/><Relationship Id="rId627" Type="http://schemas.openxmlformats.org/officeDocument/2006/relationships/hyperlink" Target="http://shop-masterinc.kz/photo/549.jpg" TargetMode="External"/><Relationship Id="rId834" Type="http://schemas.openxmlformats.org/officeDocument/2006/relationships/hyperlink" Target="http://shop-masterinc.kz/photo/5834.jpg" TargetMode="External"/><Relationship Id="rId1257" Type="http://schemas.openxmlformats.org/officeDocument/2006/relationships/hyperlink" Target="http://shop-masterinc.kz/photo/8759.jpg" TargetMode="External"/><Relationship Id="rId1464" Type="http://schemas.openxmlformats.org/officeDocument/2006/relationships/hyperlink" Target="http://shop-masterinc.kz/photo/5741.jpg" TargetMode="External"/><Relationship Id="rId1671" Type="http://schemas.openxmlformats.org/officeDocument/2006/relationships/hyperlink" Target="http://shop-masterinc.kz/photo/4193.jpg" TargetMode="External"/><Relationship Id="rId2087" Type="http://schemas.openxmlformats.org/officeDocument/2006/relationships/hyperlink" Target="http://shop-masterinc.kz/photo/10116.jpg" TargetMode="External"/><Relationship Id="rId266" Type="http://schemas.openxmlformats.org/officeDocument/2006/relationships/hyperlink" Target="http://shop-masterinc.kz/photo/4766.jpg" TargetMode="External"/><Relationship Id="rId473" Type="http://schemas.openxmlformats.org/officeDocument/2006/relationships/hyperlink" Target="http://shop-masterinc.kz/photo/5759.jpg" TargetMode="External"/><Relationship Id="rId680" Type="http://schemas.openxmlformats.org/officeDocument/2006/relationships/hyperlink" Target="http://shop-masterinc.kz/photo/3919.jpg" TargetMode="External"/><Relationship Id="rId901" Type="http://schemas.openxmlformats.org/officeDocument/2006/relationships/hyperlink" Target="http://shop-masterinc.kz/photo/6606.jpg" TargetMode="External"/><Relationship Id="rId1117" Type="http://schemas.openxmlformats.org/officeDocument/2006/relationships/hyperlink" Target="http://shop-masterinc.kz/photo/7272.jpg" TargetMode="External"/><Relationship Id="rId1324" Type="http://schemas.openxmlformats.org/officeDocument/2006/relationships/hyperlink" Target="http://shop-masterinc.kz/photo/5581.jpg" TargetMode="External"/><Relationship Id="rId1531" Type="http://schemas.openxmlformats.org/officeDocument/2006/relationships/hyperlink" Target="http://shop-masterinc.kz/photo/9723.jpg" TargetMode="External"/><Relationship Id="rId1769" Type="http://schemas.openxmlformats.org/officeDocument/2006/relationships/hyperlink" Target="http://shop-masterinc.kz/photo/5856.jpg" TargetMode="External"/><Relationship Id="rId1976" Type="http://schemas.openxmlformats.org/officeDocument/2006/relationships/hyperlink" Target="http://shop-masterinc.kz/photo/9101.jpg" TargetMode="External"/><Relationship Id="rId2154" Type="http://schemas.openxmlformats.org/officeDocument/2006/relationships/hyperlink" Target="http://shop-masterinc.kz/photo/9904.jpg" TargetMode="External"/><Relationship Id="rId30" Type="http://schemas.openxmlformats.org/officeDocument/2006/relationships/hyperlink" Target="http://shop-masterinc.kz/photo/7100.jpg" TargetMode="External"/><Relationship Id="rId126" Type="http://schemas.openxmlformats.org/officeDocument/2006/relationships/hyperlink" Target="http://shop-masterinc.kz/photo/8500.jpg" TargetMode="External"/><Relationship Id="rId333" Type="http://schemas.openxmlformats.org/officeDocument/2006/relationships/hyperlink" Target="http://shop-masterinc.kz/photo/9003.jpg" TargetMode="External"/><Relationship Id="rId540" Type="http://schemas.openxmlformats.org/officeDocument/2006/relationships/hyperlink" Target="http://shop-masterinc.kz/photo/8020.jpg" TargetMode="External"/><Relationship Id="rId778" Type="http://schemas.openxmlformats.org/officeDocument/2006/relationships/hyperlink" Target="http://shop-masterinc.kz/photo/8319.jpg" TargetMode="External"/><Relationship Id="rId985" Type="http://schemas.openxmlformats.org/officeDocument/2006/relationships/hyperlink" Target="http://shop-masterinc.kz/photo/9892.jpg" TargetMode="External"/><Relationship Id="rId1170" Type="http://schemas.openxmlformats.org/officeDocument/2006/relationships/hyperlink" Target="http://shop-masterinc.kz/photo/1415.jpg" TargetMode="External"/><Relationship Id="rId1629" Type="http://schemas.openxmlformats.org/officeDocument/2006/relationships/hyperlink" Target="http://shop-masterinc.kz/photo/7213.jpg" TargetMode="External"/><Relationship Id="rId1836" Type="http://schemas.openxmlformats.org/officeDocument/2006/relationships/hyperlink" Target="http://shop-masterinc.kz/photo/8546.jpg" TargetMode="External"/><Relationship Id="rId2014" Type="http://schemas.openxmlformats.org/officeDocument/2006/relationships/hyperlink" Target="http://shop-masterinc.kz/photo/667.jpg" TargetMode="External"/><Relationship Id="rId638" Type="http://schemas.openxmlformats.org/officeDocument/2006/relationships/hyperlink" Target="http://shop-masterinc.kz/photo/1107.jpg" TargetMode="External"/><Relationship Id="rId845" Type="http://schemas.openxmlformats.org/officeDocument/2006/relationships/hyperlink" Target="http://shop-masterinc.kz/photo/3719.jpg" TargetMode="External"/><Relationship Id="rId1030" Type="http://schemas.openxmlformats.org/officeDocument/2006/relationships/hyperlink" Target="http://shop-masterinc.kz/photo/10123.jpg" TargetMode="External"/><Relationship Id="rId1268" Type="http://schemas.openxmlformats.org/officeDocument/2006/relationships/hyperlink" Target="http://shop-masterinc.kz/photo/5211.jpg" TargetMode="External"/><Relationship Id="rId1475" Type="http://schemas.openxmlformats.org/officeDocument/2006/relationships/hyperlink" Target="http://shop-masterinc.kz/photo/7531.jpg" TargetMode="External"/><Relationship Id="rId1682" Type="http://schemas.openxmlformats.org/officeDocument/2006/relationships/hyperlink" Target="http://shop-masterinc.kz/photo/10276.jpg" TargetMode="External"/><Relationship Id="rId1903" Type="http://schemas.openxmlformats.org/officeDocument/2006/relationships/hyperlink" Target="http://shop-masterinc.kz/photo/10015.jpg" TargetMode="External"/><Relationship Id="rId2098" Type="http://schemas.openxmlformats.org/officeDocument/2006/relationships/hyperlink" Target="http://shop-masterinc.kz/photo/10167.jpg" TargetMode="External"/><Relationship Id="rId277" Type="http://schemas.openxmlformats.org/officeDocument/2006/relationships/hyperlink" Target="http://shop-masterinc.kz/photo/7180.jpg" TargetMode="External"/><Relationship Id="rId400" Type="http://schemas.openxmlformats.org/officeDocument/2006/relationships/hyperlink" Target="http://shop-masterinc.kz/photo/7993.jpg" TargetMode="External"/><Relationship Id="rId484" Type="http://schemas.openxmlformats.org/officeDocument/2006/relationships/hyperlink" Target="http://shop-masterinc.kz/photo/319.jpg" TargetMode="External"/><Relationship Id="rId705" Type="http://schemas.openxmlformats.org/officeDocument/2006/relationships/hyperlink" Target="http://shop-masterinc.kz/photo/8818.jpg" TargetMode="External"/><Relationship Id="rId1128" Type="http://schemas.openxmlformats.org/officeDocument/2006/relationships/hyperlink" Target="http://shop-masterinc.kz/photo/805.jpg" TargetMode="External"/><Relationship Id="rId1335" Type="http://schemas.openxmlformats.org/officeDocument/2006/relationships/hyperlink" Target="http://shop-masterinc.kz/photo/5728.jpg" TargetMode="External"/><Relationship Id="rId1542" Type="http://schemas.openxmlformats.org/officeDocument/2006/relationships/hyperlink" Target="http://shop-masterinc.kz/photo/6252.jpg" TargetMode="External"/><Relationship Id="rId1987" Type="http://schemas.openxmlformats.org/officeDocument/2006/relationships/hyperlink" Target="http://shop-masterinc.kz/photo/6093.jpg" TargetMode="External"/><Relationship Id="rId137" Type="http://schemas.openxmlformats.org/officeDocument/2006/relationships/hyperlink" Target="http://shop-masterinc.kz/photo/8387.jpg" TargetMode="External"/><Relationship Id="rId344" Type="http://schemas.openxmlformats.org/officeDocument/2006/relationships/hyperlink" Target="http://shop-masterinc.kz/photo/8879.jpg" TargetMode="External"/><Relationship Id="rId691" Type="http://schemas.openxmlformats.org/officeDocument/2006/relationships/hyperlink" Target="http://shop-masterinc.kz/photo/828.jpg" TargetMode="External"/><Relationship Id="rId789" Type="http://schemas.openxmlformats.org/officeDocument/2006/relationships/hyperlink" Target="http://shop-masterinc.kz/photo/3375.jpg" TargetMode="External"/><Relationship Id="rId912" Type="http://schemas.openxmlformats.org/officeDocument/2006/relationships/hyperlink" Target="http://shop-masterinc.kz/photo/3594.jpg" TargetMode="External"/><Relationship Id="rId996" Type="http://schemas.openxmlformats.org/officeDocument/2006/relationships/hyperlink" Target="http://shop-masterinc.kz/photo/7104.jpg" TargetMode="External"/><Relationship Id="rId1847" Type="http://schemas.openxmlformats.org/officeDocument/2006/relationships/hyperlink" Target="http://shop-masterinc.kz/photo/8821.jpg" TargetMode="External"/><Relationship Id="rId2025" Type="http://schemas.openxmlformats.org/officeDocument/2006/relationships/hyperlink" Target="http://shop-masterinc.kz/photo/4564.jpg" TargetMode="External"/><Relationship Id="rId41" Type="http://schemas.openxmlformats.org/officeDocument/2006/relationships/hyperlink" Target="http://shop-masterinc.kz/photo/7593.jpg" TargetMode="External"/><Relationship Id="rId551" Type="http://schemas.openxmlformats.org/officeDocument/2006/relationships/hyperlink" Target="http://shop-masterinc.kz/photo/7040.jpg" TargetMode="External"/><Relationship Id="rId649" Type="http://schemas.openxmlformats.org/officeDocument/2006/relationships/hyperlink" Target="http://shop-masterinc.kz/photo/820.jpg" TargetMode="External"/><Relationship Id="rId856" Type="http://schemas.openxmlformats.org/officeDocument/2006/relationships/hyperlink" Target="http://shop-masterinc.kz/photo/8647.jpg" TargetMode="External"/><Relationship Id="rId1181" Type="http://schemas.openxmlformats.org/officeDocument/2006/relationships/hyperlink" Target="http://shop-masterinc.kz/photo/6207.jpg" TargetMode="External"/><Relationship Id="rId1279" Type="http://schemas.openxmlformats.org/officeDocument/2006/relationships/hyperlink" Target="http://shop-masterinc.kz/photo/7017.jpg" TargetMode="External"/><Relationship Id="rId1402" Type="http://schemas.openxmlformats.org/officeDocument/2006/relationships/hyperlink" Target="http://shop-masterinc.kz/photo/5998.jpg" TargetMode="External"/><Relationship Id="rId1486" Type="http://schemas.openxmlformats.org/officeDocument/2006/relationships/hyperlink" Target="http://shop-masterinc.kz/photo/9076.jpg" TargetMode="External"/><Relationship Id="rId1707" Type="http://schemas.openxmlformats.org/officeDocument/2006/relationships/hyperlink" Target="http://shop-masterinc.kz/photo/6574.jpg" TargetMode="External"/><Relationship Id="rId190" Type="http://schemas.openxmlformats.org/officeDocument/2006/relationships/hyperlink" Target="http://shop-masterinc.kz/photo/1368.jpg" TargetMode="External"/><Relationship Id="rId204" Type="http://schemas.openxmlformats.org/officeDocument/2006/relationships/hyperlink" Target="http://shop-masterinc.kz/photo/9391.jpg" TargetMode="External"/><Relationship Id="rId288" Type="http://schemas.openxmlformats.org/officeDocument/2006/relationships/hyperlink" Target="http://shop-masterinc.kz/photo/198.jpg" TargetMode="External"/><Relationship Id="rId411" Type="http://schemas.openxmlformats.org/officeDocument/2006/relationships/hyperlink" Target="http://shop-masterinc.kz/photo/9359.jpg" TargetMode="External"/><Relationship Id="rId509" Type="http://schemas.openxmlformats.org/officeDocument/2006/relationships/hyperlink" Target="http://shop-masterinc.kz/photo/582.jpg" TargetMode="External"/><Relationship Id="rId1041" Type="http://schemas.openxmlformats.org/officeDocument/2006/relationships/hyperlink" Target="http://shop-masterinc.kz/photo/10131.jpg" TargetMode="External"/><Relationship Id="rId1139" Type="http://schemas.openxmlformats.org/officeDocument/2006/relationships/hyperlink" Target="http://shop-masterinc.kz/photo/5273.jpg" TargetMode="External"/><Relationship Id="rId1346" Type="http://schemas.openxmlformats.org/officeDocument/2006/relationships/hyperlink" Target="http://shop-masterinc.kz/photo/7864.jpg" TargetMode="External"/><Relationship Id="rId1693" Type="http://schemas.openxmlformats.org/officeDocument/2006/relationships/hyperlink" Target="http://shop-masterinc.kz/photo/10272.jpg" TargetMode="External"/><Relationship Id="rId1914" Type="http://schemas.openxmlformats.org/officeDocument/2006/relationships/hyperlink" Target="http://shop-masterinc.kz/photo/9301.jpg" TargetMode="External"/><Relationship Id="rId1998" Type="http://schemas.openxmlformats.org/officeDocument/2006/relationships/hyperlink" Target="http://shop-masterinc.kz/photo/5647.jpg" TargetMode="External"/><Relationship Id="rId495" Type="http://schemas.openxmlformats.org/officeDocument/2006/relationships/hyperlink" Target="http://shop-masterinc.kz/photo/5686.jpg" TargetMode="External"/><Relationship Id="rId716" Type="http://schemas.openxmlformats.org/officeDocument/2006/relationships/hyperlink" Target="http://shop-masterinc.kz/photo/863.jpg" TargetMode="External"/><Relationship Id="rId923" Type="http://schemas.openxmlformats.org/officeDocument/2006/relationships/hyperlink" Target="http://shop-masterinc.kz/photo/8069.jpg" TargetMode="External"/><Relationship Id="rId1553" Type="http://schemas.openxmlformats.org/officeDocument/2006/relationships/hyperlink" Target="http://shop-masterinc.kz/photo/8702.jpg" TargetMode="External"/><Relationship Id="rId1760" Type="http://schemas.openxmlformats.org/officeDocument/2006/relationships/hyperlink" Target="http://shop-masterinc.kz/photo/3071.jpg" TargetMode="External"/><Relationship Id="rId1858" Type="http://schemas.openxmlformats.org/officeDocument/2006/relationships/hyperlink" Target="http://shop-masterinc.kz/photo/7509.jpg" TargetMode="External"/><Relationship Id="rId52" Type="http://schemas.openxmlformats.org/officeDocument/2006/relationships/hyperlink" Target="http://shop-masterinc.kz/photo/7939.jpg" TargetMode="External"/><Relationship Id="rId148" Type="http://schemas.openxmlformats.org/officeDocument/2006/relationships/hyperlink" Target="http://shop-masterinc.kz/photo/8228.jpg" TargetMode="External"/><Relationship Id="rId355" Type="http://schemas.openxmlformats.org/officeDocument/2006/relationships/hyperlink" Target="http://shop-masterinc.kz/photo/9032.jpg" TargetMode="External"/><Relationship Id="rId562" Type="http://schemas.openxmlformats.org/officeDocument/2006/relationships/hyperlink" Target="http://shop-masterinc.kz/photo/6977.jpg" TargetMode="External"/><Relationship Id="rId1192" Type="http://schemas.openxmlformats.org/officeDocument/2006/relationships/hyperlink" Target="http://shop-masterinc.kz/photo/7626.jpg" TargetMode="External"/><Relationship Id="rId1206" Type="http://schemas.openxmlformats.org/officeDocument/2006/relationships/hyperlink" Target="http://shop-masterinc.kz/photo/3292.jpg" TargetMode="External"/><Relationship Id="rId1413" Type="http://schemas.openxmlformats.org/officeDocument/2006/relationships/hyperlink" Target="http://shop-masterinc.kz/photo/10144.jpg" TargetMode="External"/><Relationship Id="rId1620" Type="http://schemas.openxmlformats.org/officeDocument/2006/relationships/hyperlink" Target="http://shop-masterinc.kz/photo/6583.jpg" TargetMode="External"/><Relationship Id="rId2036" Type="http://schemas.openxmlformats.org/officeDocument/2006/relationships/hyperlink" Target="http://shop-masterinc.kz/photo/688.jpg" TargetMode="External"/><Relationship Id="rId215" Type="http://schemas.openxmlformats.org/officeDocument/2006/relationships/hyperlink" Target="http://shop-masterinc.kz/photo/9331.jpg" TargetMode="External"/><Relationship Id="rId422" Type="http://schemas.openxmlformats.org/officeDocument/2006/relationships/hyperlink" Target="http://shop-masterinc.kz/photo/337.jpg" TargetMode="External"/><Relationship Id="rId867" Type="http://schemas.openxmlformats.org/officeDocument/2006/relationships/hyperlink" Target="http://shop-masterinc.kz/photo/6244.jpg" TargetMode="External"/><Relationship Id="rId1052" Type="http://schemas.openxmlformats.org/officeDocument/2006/relationships/hyperlink" Target="http://shop-masterinc.kz/photo/5058.jpg" TargetMode="External"/><Relationship Id="rId1497" Type="http://schemas.openxmlformats.org/officeDocument/2006/relationships/hyperlink" Target="http://shop-masterinc.kz/photo/9088.jpg" TargetMode="External"/><Relationship Id="rId1718" Type="http://schemas.openxmlformats.org/officeDocument/2006/relationships/hyperlink" Target="http://shop-masterinc.kz/photo/10223.jpg" TargetMode="External"/><Relationship Id="rId1925" Type="http://schemas.openxmlformats.org/officeDocument/2006/relationships/hyperlink" Target="http://shop-masterinc.kz/photo/8245.jpg" TargetMode="External"/><Relationship Id="rId2103" Type="http://schemas.openxmlformats.org/officeDocument/2006/relationships/hyperlink" Target="http://shop-masterinc.kz/photo/10111.jpg" TargetMode="External"/><Relationship Id="rId299" Type="http://schemas.openxmlformats.org/officeDocument/2006/relationships/hyperlink" Target="http://shop-masterinc.kz/photo/6204.jpg" TargetMode="External"/><Relationship Id="rId727" Type="http://schemas.openxmlformats.org/officeDocument/2006/relationships/hyperlink" Target="http://shop-masterinc.kz/photo/4290.jpg" TargetMode="External"/><Relationship Id="rId934" Type="http://schemas.openxmlformats.org/officeDocument/2006/relationships/hyperlink" Target="http://shop-masterinc.kz/photo/3648.jpg" TargetMode="External"/><Relationship Id="rId1357" Type="http://schemas.openxmlformats.org/officeDocument/2006/relationships/hyperlink" Target="http://shop-masterinc.kz/photo/1460.jpg" TargetMode="External"/><Relationship Id="rId1564" Type="http://schemas.openxmlformats.org/officeDocument/2006/relationships/hyperlink" Target="http://shop-masterinc.kz/photo/6936.jpg" TargetMode="External"/><Relationship Id="rId1771" Type="http://schemas.openxmlformats.org/officeDocument/2006/relationships/hyperlink" Target="http://shop-masterinc.kz/photo/5073.jpg" TargetMode="External"/><Relationship Id="rId63" Type="http://schemas.openxmlformats.org/officeDocument/2006/relationships/hyperlink" Target="http://shop-masterinc.kz/photo/9263.jpg" TargetMode="External"/><Relationship Id="rId159" Type="http://schemas.openxmlformats.org/officeDocument/2006/relationships/hyperlink" Target="http://shop-masterinc.kz/photo/9252.jpg" TargetMode="External"/><Relationship Id="rId366" Type="http://schemas.openxmlformats.org/officeDocument/2006/relationships/hyperlink" Target="http://shop-masterinc.kz/photo/9553.jpg" TargetMode="External"/><Relationship Id="rId573" Type="http://schemas.openxmlformats.org/officeDocument/2006/relationships/hyperlink" Target="http://shop-masterinc.kz/photo/8747.jpg" TargetMode="External"/><Relationship Id="rId780" Type="http://schemas.openxmlformats.org/officeDocument/2006/relationships/hyperlink" Target="http://shop-masterinc.kz/photo/8321.jpg" TargetMode="External"/><Relationship Id="rId1217" Type="http://schemas.openxmlformats.org/officeDocument/2006/relationships/hyperlink" Target="http://shop-masterinc.kz/photo/5666.jpg" TargetMode="External"/><Relationship Id="rId1424" Type="http://schemas.openxmlformats.org/officeDocument/2006/relationships/hyperlink" Target="http://shop-masterinc.kz/photo/10134.jpg" TargetMode="External"/><Relationship Id="rId1631" Type="http://schemas.openxmlformats.org/officeDocument/2006/relationships/hyperlink" Target="http://shop-masterinc.kz/photo/1546.jpg" TargetMode="External"/><Relationship Id="rId1869" Type="http://schemas.openxmlformats.org/officeDocument/2006/relationships/hyperlink" Target="http://shop-masterinc.kz/photo/6049.jpg" TargetMode="External"/><Relationship Id="rId2047" Type="http://schemas.openxmlformats.org/officeDocument/2006/relationships/hyperlink" Target="http://shop-masterinc.kz/photo/3214.jpg" TargetMode="External"/><Relationship Id="rId226" Type="http://schemas.openxmlformats.org/officeDocument/2006/relationships/hyperlink" Target="http://shop-masterinc.kz/photo/9314.jpg" TargetMode="External"/><Relationship Id="rId433" Type="http://schemas.openxmlformats.org/officeDocument/2006/relationships/hyperlink" Target="http://shop-masterinc.kz/photo/7641.jpg" TargetMode="External"/><Relationship Id="rId878" Type="http://schemas.openxmlformats.org/officeDocument/2006/relationships/hyperlink" Target="http://shop-masterinc.kz/photo/5621.jpg" TargetMode="External"/><Relationship Id="rId1063" Type="http://schemas.openxmlformats.org/officeDocument/2006/relationships/hyperlink" Target="http://shop-masterinc.kz/photo/5408.jpg" TargetMode="External"/><Relationship Id="rId1270" Type="http://schemas.openxmlformats.org/officeDocument/2006/relationships/hyperlink" Target="http://shop-masterinc.kz/photo/7023.jpg" TargetMode="External"/><Relationship Id="rId1729" Type="http://schemas.openxmlformats.org/officeDocument/2006/relationships/hyperlink" Target="http://shop-masterinc.kz/photo/7609.jpg" TargetMode="External"/><Relationship Id="rId1936" Type="http://schemas.openxmlformats.org/officeDocument/2006/relationships/hyperlink" Target="http://shop-masterinc.kz/photo/8630.jpg" TargetMode="External"/><Relationship Id="rId2114" Type="http://schemas.openxmlformats.org/officeDocument/2006/relationships/hyperlink" Target="http://shop-masterinc.kz/photo/1189.jpg" TargetMode="External"/><Relationship Id="rId640" Type="http://schemas.openxmlformats.org/officeDocument/2006/relationships/hyperlink" Target="http://shop-masterinc.kz/photo/5999.jpg" TargetMode="External"/><Relationship Id="rId738" Type="http://schemas.openxmlformats.org/officeDocument/2006/relationships/hyperlink" Target="http://shop-masterinc.kz/photo/6322.jpg" TargetMode="External"/><Relationship Id="rId945" Type="http://schemas.openxmlformats.org/officeDocument/2006/relationships/hyperlink" Target="http://shop-masterinc.kz/photo/7360.jpg" TargetMode="External"/><Relationship Id="rId1368" Type="http://schemas.openxmlformats.org/officeDocument/2006/relationships/hyperlink" Target="http://shop-masterinc.kz/photo/3397.jpg" TargetMode="External"/><Relationship Id="rId1575" Type="http://schemas.openxmlformats.org/officeDocument/2006/relationships/hyperlink" Target="http://shop-masterinc.kz/photo/3033.jpg" TargetMode="External"/><Relationship Id="rId1782" Type="http://schemas.openxmlformats.org/officeDocument/2006/relationships/hyperlink" Target="http://shop-masterinc.kz/photo/1090.jpg" TargetMode="External"/><Relationship Id="rId74" Type="http://schemas.openxmlformats.org/officeDocument/2006/relationships/hyperlink" Target="http://shop-masterinc.kz/photo/10002.jpg" TargetMode="External"/><Relationship Id="rId377" Type="http://schemas.openxmlformats.org/officeDocument/2006/relationships/hyperlink" Target="http://shop-masterinc.kz/photo/7322.jpg" TargetMode="External"/><Relationship Id="rId500" Type="http://schemas.openxmlformats.org/officeDocument/2006/relationships/hyperlink" Target="http://shop-masterinc.kz/photo/5690.jpg" TargetMode="External"/><Relationship Id="rId584" Type="http://schemas.openxmlformats.org/officeDocument/2006/relationships/hyperlink" Target="http://shop-masterinc.kz/photo/8724.jpg" TargetMode="External"/><Relationship Id="rId805" Type="http://schemas.openxmlformats.org/officeDocument/2006/relationships/hyperlink" Target="http://shop-masterinc.kz/photo/8261.jpg" TargetMode="External"/><Relationship Id="rId1130" Type="http://schemas.openxmlformats.org/officeDocument/2006/relationships/hyperlink" Target="http://shop-masterinc.kz/photo/3625.jpg" TargetMode="External"/><Relationship Id="rId1228" Type="http://schemas.openxmlformats.org/officeDocument/2006/relationships/hyperlink" Target="http://shop-masterinc.kz/photo/8685.jpg" TargetMode="External"/><Relationship Id="rId1435" Type="http://schemas.openxmlformats.org/officeDocument/2006/relationships/hyperlink" Target="http://shop-masterinc.kz/photo/7119.jpg" TargetMode="External"/><Relationship Id="rId2058" Type="http://schemas.openxmlformats.org/officeDocument/2006/relationships/hyperlink" Target="http://shop-masterinc.kz/photo/6646.jpg" TargetMode="External"/><Relationship Id="rId5" Type="http://schemas.openxmlformats.org/officeDocument/2006/relationships/hyperlink" Target="http://shop-masterinc.kz/photo/9888.jpg" TargetMode="External"/><Relationship Id="rId237" Type="http://schemas.openxmlformats.org/officeDocument/2006/relationships/hyperlink" Target="http://shop-masterinc.kz/photo/9310.jpg" TargetMode="External"/><Relationship Id="rId791" Type="http://schemas.openxmlformats.org/officeDocument/2006/relationships/hyperlink" Target="http://shop-masterinc.kz/photo/7647.jpg" TargetMode="External"/><Relationship Id="rId889" Type="http://schemas.openxmlformats.org/officeDocument/2006/relationships/hyperlink" Target="http://shop-masterinc.kz/photo/5334.jpg" TargetMode="External"/><Relationship Id="rId1074" Type="http://schemas.openxmlformats.org/officeDocument/2006/relationships/hyperlink" Target="http://shop-masterinc.kz/photo/9647.jpg" TargetMode="External"/><Relationship Id="rId1642" Type="http://schemas.openxmlformats.org/officeDocument/2006/relationships/hyperlink" Target="http://shop-masterinc.kz/photo/8676.jpg" TargetMode="External"/><Relationship Id="rId1947" Type="http://schemas.openxmlformats.org/officeDocument/2006/relationships/hyperlink" Target="http://shop-masterinc.kz/photo/9116.jpg" TargetMode="External"/><Relationship Id="rId444" Type="http://schemas.openxmlformats.org/officeDocument/2006/relationships/hyperlink" Target="http://shop-masterinc.kz/photo/34.jpg" TargetMode="External"/><Relationship Id="rId651" Type="http://schemas.openxmlformats.org/officeDocument/2006/relationships/hyperlink" Target="http://shop-masterinc.kz/photo/3642.jpg" TargetMode="External"/><Relationship Id="rId749" Type="http://schemas.openxmlformats.org/officeDocument/2006/relationships/hyperlink" Target="http://shop-masterinc.kz/photo/7488.jpg" TargetMode="External"/><Relationship Id="rId1281" Type="http://schemas.openxmlformats.org/officeDocument/2006/relationships/hyperlink" Target="http://shop-masterinc.kz/photo/8204.jpg" TargetMode="External"/><Relationship Id="rId1379" Type="http://schemas.openxmlformats.org/officeDocument/2006/relationships/hyperlink" Target="http://shop-masterinc.kz/photo/4951.jpg" TargetMode="External"/><Relationship Id="rId1502" Type="http://schemas.openxmlformats.org/officeDocument/2006/relationships/hyperlink" Target="http://shop-masterinc.kz/photo/7861.jpg" TargetMode="External"/><Relationship Id="rId1586" Type="http://schemas.openxmlformats.org/officeDocument/2006/relationships/hyperlink" Target="http://shop-masterinc.kz/photo/8557.jpg" TargetMode="External"/><Relationship Id="rId1807" Type="http://schemas.openxmlformats.org/officeDocument/2006/relationships/hyperlink" Target="http://shop-masterinc.kz/photo/9146.jpg" TargetMode="External"/><Relationship Id="rId2125" Type="http://schemas.openxmlformats.org/officeDocument/2006/relationships/hyperlink" Target="http://shop-masterinc.kz/photo/6161.jpg" TargetMode="External"/><Relationship Id="rId290" Type="http://schemas.openxmlformats.org/officeDocument/2006/relationships/hyperlink" Target="http://shop-masterinc.kz/photo/1755.jpg" TargetMode="External"/><Relationship Id="rId304" Type="http://schemas.openxmlformats.org/officeDocument/2006/relationships/hyperlink" Target="http://shop-masterinc.kz/photo/8393.jpg" TargetMode="External"/><Relationship Id="rId388" Type="http://schemas.openxmlformats.org/officeDocument/2006/relationships/hyperlink" Target="http://shop-masterinc.kz/photo/3086.jpg" TargetMode="External"/><Relationship Id="rId511" Type="http://schemas.openxmlformats.org/officeDocument/2006/relationships/hyperlink" Target="http://shop-masterinc.kz/photo/4674.jpg" TargetMode="External"/><Relationship Id="rId609" Type="http://schemas.openxmlformats.org/officeDocument/2006/relationships/hyperlink" Target="http://shop-masterinc.kz/photo/7516.jpg" TargetMode="External"/><Relationship Id="rId956" Type="http://schemas.openxmlformats.org/officeDocument/2006/relationships/hyperlink" Target="http://shop-masterinc.kz/photo/7620.jpg" TargetMode="External"/><Relationship Id="rId1141" Type="http://schemas.openxmlformats.org/officeDocument/2006/relationships/hyperlink" Target="http://shop-masterinc.kz/photo/944.jpg" TargetMode="External"/><Relationship Id="rId1239" Type="http://schemas.openxmlformats.org/officeDocument/2006/relationships/hyperlink" Target="http://shop-masterinc.kz/photo/6518.jpg" TargetMode="External"/><Relationship Id="rId1793" Type="http://schemas.openxmlformats.org/officeDocument/2006/relationships/hyperlink" Target="http://shop-masterinc.kz/photo/4268.jpg" TargetMode="External"/><Relationship Id="rId2069" Type="http://schemas.openxmlformats.org/officeDocument/2006/relationships/hyperlink" Target="http://shop-masterinc.kz/photo/10198.jpg" TargetMode="External"/><Relationship Id="rId85" Type="http://schemas.openxmlformats.org/officeDocument/2006/relationships/hyperlink" Target="http://shop-masterinc.kz/photo/10287.jpg" TargetMode="External"/><Relationship Id="rId150" Type="http://schemas.openxmlformats.org/officeDocument/2006/relationships/hyperlink" Target="http://shop-masterinc.kz/photo/7633.jpg" TargetMode="External"/><Relationship Id="rId595" Type="http://schemas.openxmlformats.org/officeDocument/2006/relationships/hyperlink" Target="http://shop-masterinc.kz/photo/905.jpg" TargetMode="External"/><Relationship Id="rId816" Type="http://schemas.openxmlformats.org/officeDocument/2006/relationships/hyperlink" Target="http://shop-masterinc.kz/photo/4544.jpg" TargetMode="External"/><Relationship Id="rId1001" Type="http://schemas.openxmlformats.org/officeDocument/2006/relationships/hyperlink" Target="http://shop-masterinc.kz/photo/8601.jpg" TargetMode="External"/><Relationship Id="rId1446" Type="http://schemas.openxmlformats.org/officeDocument/2006/relationships/hyperlink" Target="http://shop-masterinc.kz/photo/734.jpg" TargetMode="External"/><Relationship Id="rId1653" Type="http://schemas.openxmlformats.org/officeDocument/2006/relationships/hyperlink" Target="http://shop-masterinc.kz/photo/5990.jpg" TargetMode="External"/><Relationship Id="rId1860" Type="http://schemas.openxmlformats.org/officeDocument/2006/relationships/hyperlink" Target="http://shop-masterinc.kz/photo/7511.jpg" TargetMode="External"/><Relationship Id="rId248" Type="http://schemas.openxmlformats.org/officeDocument/2006/relationships/hyperlink" Target="http://shop-masterinc.kz/photo/3526.jpg" TargetMode="External"/><Relationship Id="rId455" Type="http://schemas.openxmlformats.org/officeDocument/2006/relationships/hyperlink" Target="http://shop-masterinc.kz/photo/3862.jpg" TargetMode="External"/><Relationship Id="rId662" Type="http://schemas.openxmlformats.org/officeDocument/2006/relationships/hyperlink" Target="http://shop-masterinc.kz/photo/4925.jpg" TargetMode="External"/><Relationship Id="rId1085" Type="http://schemas.openxmlformats.org/officeDocument/2006/relationships/hyperlink" Target="http://shop-masterinc.kz/photo/4307.jpg" TargetMode="External"/><Relationship Id="rId1292" Type="http://schemas.openxmlformats.org/officeDocument/2006/relationships/hyperlink" Target="http://shop-masterinc.kz/photo/3184.jpg" TargetMode="External"/><Relationship Id="rId1306" Type="http://schemas.openxmlformats.org/officeDocument/2006/relationships/hyperlink" Target="http://shop-masterinc.kz/photo/7096.jpg" TargetMode="External"/><Relationship Id="rId1513" Type="http://schemas.openxmlformats.org/officeDocument/2006/relationships/hyperlink" Target="http://shop-masterinc.kz/photo/8612.jpg" TargetMode="External"/><Relationship Id="rId1720" Type="http://schemas.openxmlformats.org/officeDocument/2006/relationships/hyperlink" Target="http://shop-masterinc.kz/photo/10224.jpg" TargetMode="External"/><Relationship Id="rId1958" Type="http://schemas.openxmlformats.org/officeDocument/2006/relationships/hyperlink" Target="http://shop-masterinc.kz/photo/9899.jpg" TargetMode="External"/><Relationship Id="rId2136" Type="http://schemas.openxmlformats.org/officeDocument/2006/relationships/hyperlink" Target="http://shop-masterinc.kz/photo/9429.jpg" TargetMode="External"/><Relationship Id="rId12" Type="http://schemas.openxmlformats.org/officeDocument/2006/relationships/hyperlink" Target="http://shop-masterinc.kz/photo/6266.jpg" TargetMode="External"/><Relationship Id="rId108" Type="http://schemas.openxmlformats.org/officeDocument/2006/relationships/hyperlink" Target="http://shop-masterinc.kz/photo/9986.jpg" TargetMode="External"/><Relationship Id="rId315" Type="http://schemas.openxmlformats.org/officeDocument/2006/relationships/hyperlink" Target="http://shop-masterinc.kz/photo/5871.jpg" TargetMode="External"/><Relationship Id="rId522" Type="http://schemas.openxmlformats.org/officeDocument/2006/relationships/hyperlink" Target="http://shop-masterinc.kz/photo/4451.jpg" TargetMode="External"/><Relationship Id="rId967" Type="http://schemas.openxmlformats.org/officeDocument/2006/relationships/hyperlink" Target="http://shop-masterinc.kz/photo/8095.jpg" TargetMode="External"/><Relationship Id="rId1152" Type="http://schemas.openxmlformats.org/officeDocument/2006/relationships/hyperlink" Target="http://shop-masterinc.kz/photo/7063.jpg" TargetMode="External"/><Relationship Id="rId1597" Type="http://schemas.openxmlformats.org/officeDocument/2006/relationships/hyperlink" Target="http://shop-masterinc.kz/photo/8567.jpg" TargetMode="External"/><Relationship Id="rId1818" Type="http://schemas.openxmlformats.org/officeDocument/2006/relationships/hyperlink" Target="http://shop-masterinc.kz/photo/10001.jpg" TargetMode="External"/><Relationship Id="rId96" Type="http://schemas.openxmlformats.org/officeDocument/2006/relationships/hyperlink" Target="http://shop-masterinc.kz/photo/8121.jpg" TargetMode="External"/><Relationship Id="rId161" Type="http://schemas.openxmlformats.org/officeDocument/2006/relationships/hyperlink" Target="http://shop-masterinc.kz/photo/8622.jpg" TargetMode="External"/><Relationship Id="rId399" Type="http://schemas.openxmlformats.org/officeDocument/2006/relationships/hyperlink" Target="http://shop-masterinc.kz/photo/3431.jpg" TargetMode="External"/><Relationship Id="rId827" Type="http://schemas.openxmlformats.org/officeDocument/2006/relationships/hyperlink" Target="http://shop-masterinc.kz/photo/4651.jpg" TargetMode="External"/><Relationship Id="rId1012" Type="http://schemas.openxmlformats.org/officeDocument/2006/relationships/hyperlink" Target="http://shop-masterinc.kz/photo/7188.jpg" TargetMode="External"/><Relationship Id="rId1457" Type="http://schemas.openxmlformats.org/officeDocument/2006/relationships/hyperlink" Target="http://shop-masterinc.kz/photo/4792.jpg" TargetMode="External"/><Relationship Id="rId1664" Type="http://schemas.openxmlformats.org/officeDocument/2006/relationships/hyperlink" Target="http://shop-masterinc.kz/photo/4916.jpg" TargetMode="External"/><Relationship Id="rId1871" Type="http://schemas.openxmlformats.org/officeDocument/2006/relationships/hyperlink" Target="http://shop-masterinc.kz/photo/6333.jpg" TargetMode="External"/><Relationship Id="rId259" Type="http://schemas.openxmlformats.org/officeDocument/2006/relationships/hyperlink" Target="http://shop-masterinc.kz/photo/8639.jpg" TargetMode="External"/><Relationship Id="rId466" Type="http://schemas.openxmlformats.org/officeDocument/2006/relationships/hyperlink" Target="http://shop-masterinc.kz/photo/459.jpg" TargetMode="External"/><Relationship Id="rId673" Type="http://schemas.openxmlformats.org/officeDocument/2006/relationships/hyperlink" Target="http://shop-masterinc.kz/photo/7385.jpg" TargetMode="External"/><Relationship Id="rId880" Type="http://schemas.openxmlformats.org/officeDocument/2006/relationships/hyperlink" Target="http://shop-masterinc.kz/photo/5853.jpg" TargetMode="External"/><Relationship Id="rId1096" Type="http://schemas.openxmlformats.org/officeDocument/2006/relationships/hyperlink" Target="http://shop-masterinc.kz/photo/8855.jpg" TargetMode="External"/><Relationship Id="rId1317" Type="http://schemas.openxmlformats.org/officeDocument/2006/relationships/hyperlink" Target="http://shop-masterinc.kz/photo/5172.jpg" TargetMode="External"/><Relationship Id="rId1524" Type="http://schemas.openxmlformats.org/officeDocument/2006/relationships/hyperlink" Target="http://shop-masterinc.kz/photo/6103.jpg" TargetMode="External"/><Relationship Id="rId1731" Type="http://schemas.openxmlformats.org/officeDocument/2006/relationships/hyperlink" Target="http://shop-masterinc.kz/photo/9686.jpg" TargetMode="External"/><Relationship Id="rId1969" Type="http://schemas.openxmlformats.org/officeDocument/2006/relationships/hyperlink" Target="http://shop-masterinc.kz/photo/8774.jpg" TargetMode="External"/><Relationship Id="rId2147" Type="http://schemas.openxmlformats.org/officeDocument/2006/relationships/hyperlink" Target="http://shop-masterinc.kz/photo/5382.jpg" TargetMode="External"/><Relationship Id="rId23" Type="http://schemas.openxmlformats.org/officeDocument/2006/relationships/hyperlink" Target="http://shop-masterinc.kz/photo/9646.jpg" TargetMode="External"/><Relationship Id="rId119" Type="http://schemas.openxmlformats.org/officeDocument/2006/relationships/hyperlink" Target="http://shop-masterinc.kz/photo/7749.jpg" TargetMode="External"/><Relationship Id="rId326" Type="http://schemas.openxmlformats.org/officeDocument/2006/relationships/hyperlink" Target="http://shop-masterinc.kz/photo/4376.jpg" TargetMode="External"/><Relationship Id="rId533" Type="http://schemas.openxmlformats.org/officeDocument/2006/relationships/hyperlink" Target="http://shop-masterinc.kz/photo/5500.jpg" TargetMode="External"/><Relationship Id="rId978" Type="http://schemas.openxmlformats.org/officeDocument/2006/relationships/hyperlink" Target="http://shop-masterinc.kz/photo/7976.jpg" TargetMode="External"/><Relationship Id="rId1163" Type="http://schemas.openxmlformats.org/officeDocument/2006/relationships/hyperlink" Target="http://shop-masterinc.kz/photo/7591.jpg" TargetMode="External"/><Relationship Id="rId1370" Type="http://schemas.openxmlformats.org/officeDocument/2006/relationships/hyperlink" Target="http://shop-masterinc.kz/photo/4369.jpg" TargetMode="External"/><Relationship Id="rId1829" Type="http://schemas.openxmlformats.org/officeDocument/2006/relationships/hyperlink" Target="http://shop-masterinc.kz/photo/9977.jpg" TargetMode="External"/><Relationship Id="rId2007" Type="http://schemas.openxmlformats.org/officeDocument/2006/relationships/hyperlink" Target="http://shop-masterinc.kz/photo/709.jpg" TargetMode="External"/><Relationship Id="rId740" Type="http://schemas.openxmlformats.org/officeDocument/2006/relationships/hyperlink" Target="http://shop-masterinc.kz/photo/7831.jpg" TargetMode="External"/><Relationship Id="rId838" Type="http://schemas.openxmlformats.org/officeDocument/2006/relationships/hyperlink" Target="http://shop-masterinc.kz/photo/52.jpg" TargetMode="External"/><Relationship Id="rId1023" Type="http://schemas.openxmlformats.org/officeDocument/2006/relationships/hyperlink" Target="http://shop-masterinc.kz/photo/7667.jpg" TargetMode="External"/><Relationship Id="rId1468" Type="http://schemas.openxmlformats.org/officeDocument/2006/relationships/hyperlink" Target="http://shop-masterinc.kz/photo/5533.jpg" TargetMode="External"/><Relationship Id="rId1675" Type="http://schemas.openxmlformats.org/officeDocument/2006/relationships/hyperlink" Target="http://shop-masterinc.kz/photo/5161.jpg" TargetMode="External"/><Relationship Id="rId1882" Type="http://schemas.openxmlformats.org/officeDocument/2006/relationships/hyperlink" Target="http://shop-masterinc.kz/photo/9258.jpg" TargetMode="External"/><Relationship Id="rId172" Type="http://schemas.openxmlformats.org/officeDocument/2006/relationships/hyperlink" Target="http://shop-masterinc.kz/photo/7748.jpg" TargetMode="External"/><Relationship Id="rId477" Type="http://schemas.openxmlformats.org/officeDocument/2006/relationships/hyperlink" Target="http://shop-masterinc.kz/photo/5327.jpg" TargetMode="External"/><Relationship Id="rId600" Type="http://schemas.openxmlformats.org/officeDocument/2006/relationships/hyperlink" Target="http://shop-masterinc.kz/photo/3637.jpg" TargetMode="External"/><Relationship Id="rId684" Type="http://schemas.openxmlformats.org/officeDocument/2006/relationships/hyperlink" Target="http://shop-masterinc.kz/photo/1175.jpg" TargetMode="External"/><Relationship Id="rId1230" Type="http://schemas.openxmlformats.org/officeDocument/2006/relationships/hyperlink" Target="http://shop-masterinc.kz/photo/3054.jpg" TargetMode="External"/><Relationship Id="rId1328" Type="http://schemas.openxmlformats.org/officeDocument/2006/relationships/hyperlink" Target="http://shop-masterinc.kz/photo/3571.jpg" TargetMode="External"/><Relationship Id="rId1535" Type="http://schemas.openxmlformats.org/officeDocument/2006/relationships/hyperlink" Target="http://shop-masterinc.kz/photo/9592.jpg" TargetMode="External"/><Relationship Id="rId2060" Type="http://schemas.openxmlformats.org/officeDocument/2006/relationships/hyperlink" Target="http://shop-masterinc.kz/photo/7610.jpg" TargetMode="External"/><Relationship Id="rId2158" Type="http://schemas.openxmlformats.org/officeDocument/2006/relationships/hyperlink" Target="http://shop-masterinc.kz/photo/4775.jpg" TargetMode="External"/><Relationship Id="rId337" Type="http://schemas.openxmlformats.org/officeDocument/2006/relationships/hyperlink" Target="http://shop-masterinc.kz/photo/4559.jpg" TargetMode="External"/><Relationship Id="rId891" Type="http://schemas.openxmlformats.org/officeDocument/2006/relationships/hyperlink" Target="http://shop-masterinc.kz/photo/8092.jpg" TargetMode="External"/><Relationship Id="rId905" Type="http://schemas.openxmlformats.org/officeDocument/2006/relationships/hyperlink" Target="http://shop-masterinc.kz/photo/7364.jpg" TargetMode="External"/><Relationship Id="rId989" Type="http://schemas.openxmlformats.org/officeDocument/2006/relationships/hyperlink" Target="http://shop-masterinc.kz/photo/10098.jpg" TargetMode="External"/><Relationship Id="rId1742" Type="http://schemas.openxmlformats.org/officeDocument/2006/relationships/hyperlink" Target="http://shop-masterinc.kz/photo/7094.jpg" TargetMode="External"/><Relationship Id="rId2018" Type="http://schemas.openxmlformats.org/officeDocument/2006/relationships/hyperlink" Target="http://shop-masterinc.kz/photo/5245.jpg" TargetMode="External"/><Relationship Id="rId34" Type="http://schemas.openxmlformats.org/officeDocument/2006/relationships/hyperlink" Target="http://shop-masterinc.kz/photo/6750.jpg" TargetMode="External"/><Relationship Id="rId544" Type="http://schemas.openxmlformats.org/officeDocument/2006/relationships/hyperlink" Target="http://shop-masterinc.kz/photo/7045.jpg" TargetMode="External"/><Relationship Id="rId751" Type="http://schemas.openxmlformats.org/officeDocument/2006/relationships/hyperlink" Target="http://shop-masterinc.kz/photo/8743.jpg" TargetMode="External"/><Relationship Id="rId849" Type="http://schemas.openxmlformats.org/officeDocument/2006/relationships/hyperlink" Target="http://shop-masterinc.kz/photo/883.jpg" TargetMode="External"/><Relationship Id="rId1174" Type="http://schemas.openxmlformats.org/officeDocument/2006/relationships/hyperlink" Target="http://shop-masterinc.kz/photo/894.jpg" TargetMode="External"/><Relationship Id="rId1381" Type="http://schemas.openxmlformats.org/officeDocument/2006/relationships/hyperlink" Target="http://shop-masterinc.kz/photo/8703.jpg" TargetMode="External"/><Relationship Id="rId1479" Type="http://schemas.openxmlformats.org/officeDocument/2006/relationships/hyperlink" Target="http://shop-masterinc.kz/photo/7536.jpg" TargetMode="External"/><Relationship Id="rId1602" Type="http://schemas.openxmlformats.org/officeDocument/2006/relationships/hyperlink" Target="http://shop-masterinc.kz/photo/8233.jpg" TargetMode="External"/><Relationship Id="rId1686" Type="http://schemas.openxmlformats.org/officeDocument/2006/relationships/hyperlink" Target="http://shop-masterinc.kz/photo/3731.jpg" TargetMode="External"/><Relationship Id="rId183" Type="http://schemas.openxmlformats.org/officeDocument/2006/relationships/hyperlink" Target="http://shop-masterinc.kz/photo/7772.jpg" TargetMode="External"/><Relationship Id="rId390" Type="http://schemas.openxmlformats.org/officeDocument/2006/relationships/hyperlink" Target="http://shop-masterinc.kz/photo/1389.jpg" TargetMode="External"/><Relationship Id="rId404" Type="http://schemas.openxmlformats.org/officeDocument/2006/relationships/hyperlink" Target="http://shop-masterinc.kz/photo/7589.jpg" TargetMode="External"/><Relationship Id="rId611" Type="http://schemas.openxmlformats.org/officeDocument/2006/relationships/hyperlink" Target="http://shop-masterinc.kz/photo/10081.jpg" TargetMode="External"/><Relationship Id="rId1034" Type="http://schemas.openxmlformats.org/officeDocument/2006/relationships/hyperlink" Target="http://shop-masterinc.kz/photo/7727.jpg" TargetMode="External"/><Relationship Id="rId1241" Type="http://schemas.openxmlformats.org/officeDocument/2006/relationships/hyperlink" Target="http://shop-masterinc.kz/photo/6623.jpg" TargetMode="External"/><Relationship Id="rId1339" Type="http://schemas.openxmlformats.org/officeDocument/2006/relationships/hyperlink" Target="http://shop-masterinc.kz/photo/6928.jpg" TargetMode="External"/><Relationship Id="rId1893" Type="http://schemas.openxmlformats.org/officeDocument/2006/relationships/hyperlink" Target="http://shop-masterinc.kz/photo/8611.jpg" TargetMode="External"/><Relationship Id="rId1907" Type="http://schemas.openxmlformats.org/officeDocument/2006/relationships/hyperlink" Target="http://shop-masterinc.kz/photo/6073.jpg" TargetMode="External"/><Relationship Id="rId2071" Type="http://schemas.openxmlformats.org/officeDocument/2006/relationships/hyperlink" Target="http://shop-masterinc.kz/photo/10197.jpg" TargetMode="External"/><Relationship Id="rId250" Type="http://schemas.openxmlformats.org/officeDocument/2006/relationships/hyperlink" Target="http://shop-masterinc.kz/photo/5108.jpg" TargetMode="External"/><Relationship Id="rId488" Type="http://schemas.openxmlformats.org/officeDocument/2006/relationships/hyperlink" Target="http://shop-masterinc.kz/photo/324.jpg" TargetMode="External"/><Relationship Id="rId695" Type="http://schemas.openxmlformats.org/officeDocument/2006/relationships/hyperlink" Target="http://shop-masterinc.kz/photo/8074.jpg" TargetMode="External"/><Relationship Id="rId709" Type="http://schemas.openxmlformats.org/officeDocument/2006/relationships/hyperlink" Target="http://shop-masterinc.kz/photo/5517.jpg" TargetMode="External"/><Relationship Id="rId916" Type="http://schemas.openxmlformats.org/officeDocument/2006/relationships/hyperlink" Target="http://shop-masterinc.kz/photo/485.jpg" TargetMode="External"/><Relationship Id="rId1101" Type="http://schemas.openxmlformats.org/officeDocument/2006/relationships/hyperlink" Target="http://shop-masterinc.kz/photo/1057.jpg" TargetMode="External"/><Relationship Id="rId1546" Type="http://schemas.openxmlformats.org/officeDocument/2006/relationships/hyperlink" Target="http://shop-masterinc.kz/photo/10245.jpg" TargetMode="External"/><Relationship Id="rId1753" Type="http://schemas.openxmlformats.org/officeDocument/2006/relationships/hyperlink" Target="http://shop-masterinc.kz/photo/4961.jpg" TargetMode="External"/><Relationship Id="rId1960" Type="http://schemas.openxmlformats.org/officeDocument/2006/relationships/hyperlink" Target="http://shop-masterinc.kz/photo/8240.jpg" TargetMode="External"/><Relationship Id="rId45" Type="http://schemas.openxmlformats.org/officeDocument/2006/relationships/hyperlink" Target="http://shop-masterinc.kz/photo/10187.jpg" TargetMode="External"/><Relationship Id="rId110" Type="http://schemas.openxmlformats.org/officeDocument/2006/relationships/hyperlink" Target="http://shop-masterinc.kz/photo/9987.jpg" TargetMode="External"/><Relationship Id="rId348" Type="http://schemas.openxmlformats.org/officeDocument/2006/relationships/hyperlink" Target="http://shop-masterinc.kz/photo/7583.jpg" TargetMode="External"/><Relationship Id="rId555" Type="http://schemas.openxmlformats.org/officeDocument/2006/relationships/hyperlink" Target="http://shop-masterinc.kz/photo/6698.jpg" TargetMode="External"/><Relationship Id="rId762" Type="http://schemas.openxmlformats.org/officeDocument/2006/relationships/hyperlink" Target="http://shop-masterinc.kz/photo/7948.jpg" TargetMode="External"/><Relationship Id="rId1185" Type="http://schemas.openxmlformats.org/officeDocument/2006/relationships/hyperlink" Target="http://shop-masterinc.kz/photo/3894.jpg" TargetMode="External"/><Relationship Id="rId1392" Type="http://schemas.openxmlformats.org/officeDocument/2006/relationships/hyperlink" Target="http://shop-masterinc.kz/photo/6624.jpg" TargetMode="External"/><Relationship Id="rId1406" Type="http://schemas.openxmlformats.org/officeDocument/2006/relationships/hyperlink" Target="http://shop-masterinc.kz/photo/3180.jpg" TargetMode="External"/><Relationship Id="rId1613" Type="http://schemas.openxmlformats.org/officeDocument/2006/relationships/hyperlink" Target="http://shop-masterinc.kz/photo/9267.jpg" TargetMode="External"/><Relationship Id="rId1820" Type="http://schemas.openxmlformats.org/officeDocument/2006/relationships/hyperlink" Target="http://shop-masterinc.kz/photo/9903.jpg" TargetMode="External"/><Relationship Id="rId2029" Type="http://schemas.openxmlformats.org/officeDocument/2006/relationships/hyperlink" Target="http://shop-masterinc.kz/photo/680.jpg" TargetMode="External"/><Relationship Id="rId194" Type="http://schemas.openxmlformats.org/officeDocument/2006/relationships/hyperlink" Target="http://shop-masterinc.kz/photo/4989.jpg" TargetMode="External"/><Relationship Id="rId208" Type="http://schemas.openxmlformats.org/officeDocument/2006/relationships/hyperlink" Target="http://shop-masterinc.kz/photo/9395.jpg" TargetMode="External"/><Relationship Id="rId415" Type="http://schemas.openxmlformats.org/officeDocument/2006/relationships/hyperlink" Target="http://shop-masterinc.kz/photo/4927.jpg" TargetMode="External"/><Relationship Id="rId622" Type="http://schemas.openxmlformats.org/officeDocument/2006/relationships/hyperlink" Target="http://shop-masterinc.kz/photo/3614.jpg" TargetMode="External"/><Relationship Id="rId1045" Type="http://schemas.openxmlformats.org/officeDocument/2006/relationships/hyperlink" Target="http://shop-masterinc.kz/photo/9302.jpg" TargetMode="External"/><Relationship Id="rId1252" Type="http://schemas.openxmlformats.org/officeDocument/2006/relationships/hyperlink" Target="http://shop-masterinc.kz/photo/4236.jpg" TargetMode="External"/><Relationship Id="rId1697" Type="http://schemas.openxmlformats.org/officeDocument/2006/relationships/hyperlink" Target="http://shop-masterinc.kz/photo/5616.jpg" TargetMode="External"/><Relationship Id="rId1918" Type="http://schemas.openxmlformats.org/officeDocument/2006/relationships/hyperlink" Target="http://shop-masterinc.kz/photo/10020.jpg" TargetMode="External"/><Relationship Id="rId2082" Type="http://schemas.openxmlformats.org/officeDocument/2006/relationships/hyperlink" Target="http://shop-masterinc.kz/photo/10248.jpg" TargetMode="External"/><Relationship Id="rId261" Type="http://schemas.openxmlformats.org/officeDocument/2006/relationships/hyperlink" Target="http://shop-masterinc.kz/photo/9612.jpg" TargetMode="External"/><Relationship Id="rId499" Type="http://schemas.openxmlformats.org/officeDocument/2006/relationships/hyperlink" Target="http://shop-masterinc.kz/photo/5689.jpg" TargetMode="External"/><Relationship Id="rId927" Type="http://schemas.openxmlformats.org/officeDocument/2006/relationships/hyperlink" Target="http://shop-masterinc.kz/photo/7359.jpg" TargetMode="External"/><Relationship Id="rId1112" Type="http://schemas.openxmlformats.org/officeDocument/2006/relationships/hyperlink" Target="http://shop-masterinc.kz/photo/5757.jpg" TargetMode="External"/><Relationship Id="rId1557" Type="http://schemas.openxmlformats.org/officeDocument/2006/relationships/hyperlink" Target="http://shop-masterinc.kz/photo/3048.jpg" TargetMode="External"/><Relationship Id="rId1764" Type="http://schemas.openxmlformats.org/officeDocument/2006/relationships/hyperlink" Target="http://shop-masterinc.kz/photo/5929.jpg" TargetMode="External"/><Relationship Id="rId1971" Type="http://schemas.openxmlformats.org/officeDocument/2006/relationships/hyperlink" Target="http://shop-masterinc.kz/photo/8265.jpg" TargetMode="External"/><Relationship Id="rId56" Type="http://schemas.openxmlformats.org/officeDocument/2006/relationships/hyperlink" Target="http://shop-masterinc.kz/photo/7262.jpg" TargetMode="External"/><Relationship Id="rId359" Type="http://schemas.openxmlformats.org/officeDocument/2006/relationships/hyperlink" Target="http://shop-masterinc.kz/photo/7995.jpg" TargetMode="External"/><Relationship Id="rId566" Type="http://schemas.openxmlformats.org/officeDocument/2006/relationships/hyperlink" Target="http://shop-masterinc.kz/photo/7537.jpg" TargetMode="External"/><Relationship Id="rId773" Type="http://schemas.openxmlformats.org/officeDocument/2006/relationships/hyperlink" Target="http://shop-masterinc.kz/photo/7979.jpg" TargetMode="External"/><Relationship Id="rId1196" Type="http://schemas.openxmlformats.org/officeDocument/2006/relationships/hyperlink" Target="http://shop-masterinc.kz/photo/7627.jpg" TargetMode="External"/><Relationship Id="rId1417" Type="http://schemas.openxmlformats.org/officeDocument/2006/relationships/hyperlink" Target="http://shop-masterinc.kz/photo/10174.jpg" TargetMode="External"/><Relationship Id="rId1624" Type="http://schemas.openxmlformats.org/officeDocument/2006/relationships/hyperlink" Target="http://shop-masterinc.kz/photo/3733.jpg" TargetMode="External"/><Relationship Id="rId1831" Type="http://schemas.openxmlformats.org/officeDocument/2006/relationships/hyperlink" Target="http://shop-masterinc.kz/photo/9044.jpg" TargetMode="External"/><Relationship Id="rId121" Type="http://schemas.openxmlformats.org/officeDocument/2006/relationships/hyperlink" Target="http://shop-masterinc.kz/photo/7750.jpg" TargetMode="External"/><Relationship Id="rId219" Type="http://schemas.openxmlformats.org/officeDocument/2006/relationships/hyperlink" Target="http://shop-masterinc.kz/photo/5396.jpg" TargetMode="External"/><Relationship Id="rId426" Type="http://schemas.openxmlformats.org/officeDocument/2006/relationships/hyperlink" Target="http://shop-masterinc.kz/photo/6304.jpg" TargetMode="External"/><Relationship Id="rId633" Type="http://schemas.openxmlformats.org/officeDocument/2006/relationships/hyperlink" Target="http://shop-masterinc.kz/photo/5238.jpg" TargetMode="External"/><Relationship Id="rId980" Type="http://schemas.openxmlformats.org/officeDocument/2006/relationships/hyperlink" Target="http://shop-masterinc.kz/photo/5101.jpg" TargetMode="External"/><Relationship Id="rId1056" Type="http://schemas.openxmlformats.org/officeDocument/2006/relationships/hyperlink" Target="http://shop-masterinc.kz/photo/6705.jpg" TargetMode="External"/><Relationship Id="rId1263" Type="http://schemas.openxmlformats.org/officeDocument/2006/relationships/hyperlink" Target="http://shop-masterinc.kz/photo/4284.jpg" TargetMode="External"/><Relationship Id="rId1929" Type="http://schemas.openxmlformats.org/officeDocument/2006/relationships/hyperlink" Target="http://shop-masterinc.kz/photo/9119.jpg" TargetMode="External"/><Relationship Id="rId2093" Type="http://schemas.openxmlformats.org/officeDocument/2006/relationships/hyperlink" Target="http://shop-masterinc.kz/photo/10106.jpg" TargetMode="External"/><Relationship Id="rId2107" Type="http://schemas.openxmlformats.org/officeDocument/2006/relationships/hyperlink" Target="http://shop-masterinc.kz/photo/10194.jpg" TargetMode="External"/><Relationship Id="rId840" Type="http://schemas.openxmlformats.org/officeDocument/2006/relationships/hyperlink" Target="http://shop-masterinc.kz/photo/51.jpg" TargetMode="External"/><Relationship Id="rId938" Type="http://schemas.openxmlformats.org/officeDocument/2006/relationships/hyperlink" Target="http://shop-masterinc.kz/photo/850.jpg" TargetMode="External"/><Relationship Id="rId1470" Type="http://schemas.openxmlformats.org/officeDocument/2006/relationships/hyperlink" Target="http://shop-masterinc.kz/photo/7154.jpg" TargetMode="External"/><Relationship Id="rId1568" Type="http://schemas.openxmlformats.org/officeDocument/2006/relationships/hyperlink" Target="http://shop-masterinc.kz/photo/6945.jpg" TargetMode="External"/><Relationship Id="rId1775" Type="http://schemas.openxmlformats.org/officeDocument/2006/relationships/hyperlink" Target="http://shop-masterinc.kz/photo/5223.jpg" TargetMode="External"/><Relationship Id="rId67" Type="http://schemas.openxmlformats.org/officeDocument/2006/relationships/hyperlink" Target="http://shop-masterinc.kz/photo/8026.jpg" TargetMode="External"/><Relationship Id="rId272" Type="http://schemas.openxmlformats.org/officeDocument/2006/relationships/hyperlink" Target="http://shop-masterinc.kz/photo/5535.jpg" TargetMode="External"/><Relationship Id="rId577" Type="http://schemas.openxmlformats.org/officeDocument/2006/relationships/hyperlink" Target="http://shop-masterinc.kz/photo/8396.jpg" TargetMode="External"/><Relationship Id="rId700" Type="http://schemas.openxmlformats.org/officeDocument/2006/relationships/hyperlink" Target="http://shop-masterinc.kz/photo/1582.jpg" TargetMode="External"/><Relationship Id="rId1123" Type="http://schemas.openxmlformats.org/officeDocument/2006/relationships/hyperlink" Target="http://shop-masterinc.kz/photo/1727.jpg" TargetMode="External"/><Relationship Id="rId1330" Type="http://schemas.openxmlformats.org/officeDocument/2006/relationships/hyperlink" Target="http://shop-masterinc.kz/photo/1731.jpg" TargetMode="External"/><Relationship Id="rId1428" Type="http://schemas.openxmlformats.org/officeDocument/2006/relationships/hyperlink" Target="http://shop-masterinc.kz/photo/10229.jpg" TargetMode="External"/><Relationship Id="rId1635" Type="http://schemas.openxmlformats.org/officeDocument/2006/relationships/hyperlink" Target="http://shop-masterinc.kz/photo/4683.jpg" TargetMode="External"/><Relationship Id="rId1982" Type="http://schemas.openxmlformats.org/officeDocument/2006/relationships/hyperlink" Target="http://shop-masterinc.kz/photo/4687.jpg" TargetMode="External"/><Relationship Id="rId2160" Type="http://schemas.openxmlformats.org/officeDocument/2006/relationships/hyperlink" Target="http://shop-masterinc.kz/photo/4603.jpg" TargetMode="External"/><Relationship Id="rId132" Type="http://schemas.openxmlformats.org/officeDocument/2006/relationships/hyperlink" Target="http://shop-masterinc.kz/photo/8492.jpg" TargetMode="External"/><Relationship Id="rId784" Type="http://schemas.openxmlformats.org/officeDocument/2006/relationships/hyperlink" Target="http://shop-masterinc.kz/photo/9110.jpg" TargetMode="External"/><Relationship Id="rId991" Type="http://schemas.openxmlformats.org/officeDocument/2006/relationships/hyperlink" Target="http://shop-masterinc.kz/photo/7789.jpg" TargetMode="External"/><Relationship Id="rId1067" Type="http://schemas.openxmlformats.org/officeDocument/2006/relationships/hyperlink" Target="http://shop-masterinc.kz/photo/3174.jpg" TargetMode="External"/><Relationship Id="rId1842" Type="http://schemas.openxmlformats.org/officeDocument/2006/relationships/hyperlink" Target="http://shop-masterinc.kz/photo/5849.jpg" TargetMode="External"/><Relationship Id="rId2020" Type="http://schemas.openxmlformats.org/officeDocument/2006/relationships/hyperlink" Target="http://shop-masterinc.kz/photo/9588.jpg" TargetMode="External"/><Relationship Id="rId437" Type="http://schemas.openxmlformats.org/officeDocument/2006/relationships/hyperlink" Target="http://shop-masterinc.kz/photo/453.jpg" TargetMode="External"/><Relationship Id="rId644" Type="http://schemas.openxmlformats.org/officeDocument/2006/relationships/hyperlink" Target="http://shop-masterinc.kz/photo/5589.jpg" TargetMode="External"/><Relationship Id="rId851" Type="http://schemas.openxmlformats.org/officeDocument/2006/relationships/hyperlink" Target="http://shop-masterinc.kz/photo/876.jpg" TargetMode="External"/><Relationship Id="rId1274" Type="http://schemas.openxmlformats.org/officeDocument/2006/relationships/hyperlink" Target="http://shop-masterinc.kz/photo/7550.jpg" TargetMode="External"/><Relationship Id="rId1481" Type="http://schemas.openxmlformats.org/officeDocument/2006/relationships/hyperlink" Target="http://shop-masterinc.kz/photo/3011.jpg" TargetMode="External"/><Relationship Id="rId1579" Type="http://schemas.openxmlformats.org/officeDocument/2006/relationships/hyperlink" Target="http://shop-masterinc.kz/photo/8335.jpg" TargetMode="External"/><Relationship Id="rId1702" Type="http://schemas.openxmlformats.org/officeDocument/2006/relationships/hyperlink" Target="http://shop-masterinc.kz/photo/10341.jpg" TargetMode="External"/><Relationship Id="rId2118" Type="http://schemas.openxmlformats.org/officeDocument/2006/relationships/hyperlink" Target="http://shop-masterinc.kz/photo/9575.jpg" TargetMode="External"/><Relationship Id="rId283" Type="http://schemas.openxmlformats.org/officeDocument/2006/relationships/hyperlink" Target="http://shop-masterinc.kz/photo/7603.jpg" TargetMode="External"/><Relationship Id="rId490" Type="http://schemas.openxmlformats.org/officeDocument/2006/relationships/hyperlink" Target="http://shop-masterinc.kz/photo/5610.jpg" TargetMode="External"/><Relationship Id="rId504" Type="http://schemas.openxmlformats.org/officeDocument/2006/relationships/hyperlink" Target="http://shop-masterinc.kz/photo/5694.jpg" TargetMode="External"/><Relationship Id="rId711" Type="http://schemas.openxmlformats.org/officeDocument/2006/relationships/hyperlink" Target="http://shop-masterinc.kz/photo/8552.jpg" TargetMode="External"/><Relationship Id="rId949" Type="http://schemas.openxmlformats.org/officeDocument/2006/relationships/hyperlink" Target="http://shop-masterinc.kz/photo/8655.jpg" TargetMode="External"/><Relationship Id="rId1134" Type="http://schemas.openxmlformats.org/officeDocument/2006/relationships/hyperlink" Target="http://shop-masterinc.kz/photo/5526.jpg" TargetMode="External"/><Relationship Id="rId1341" Type="http://schemas.openxmlformats.org/officeDocument/2006/relationships/hyperlink" Target="http://shop-masterinc.kz/photo/7062.jpg" TargetMode="External"/><Relationship Id="rId1786" Type="http://schemas.openxmlformats.org/officeDocument/2006/relationships/hyperlink" Target="http://shop-masterinc.kz/photo/9782.jpg" TargetMode="External"/><Relationship Id="rId1993" Type="http://schemas.openxmlformats.org/officeDocument/2006/relationships/hyperlink" Target="http://shop-masterinc.kz/photo/6505.jpg" TargetMode="External"/><Relationship Id="rId78" Type="http://schemas.openxmlformats.org/officeDocument/2006/relationships/hyperlink" Target="http://shop-masterinc.kz/photo/10181.jpg" TargetMode="External"/><Relationship Id="rId143" Type="http://schemas.openxmlformats.org/officeDocument/2006/relationships/hyperlink" Target="http://shop-masterinc.kz/photo/7736.jpg" TargetMode="External"/><Relationship Id="rId350" Type="http://schemas.openxmlformats.org/officeDocument/2006/relationships/hyperlink" Target="http://shop-masterinc.kz/photo/1051.jpg" TargetMode="External"/><Relationship Id="rId588" Type="http://schemas.openxmlformats.org/officeDocument/2006/relationships/hyperlink" Target="http://shop-masterinc.kz/photo/8399.jpg" TargetMode="External"/><Relationship Id="rId795" Type="http://schemas.openxmlformats.org/officeDocument/2006/relationships/hyperlink" Target="http://shop-masterinc.kz/photo/5669.jpg" TargetMode="External"/><Relationship Id="rId809" Type="http://schemas.openxmlformats.org/officeDocument/2006/relationships/hyperlink" Target="http://shop-masterinc.kz/photo/6545.jpg" TargetMode="External"/><Relationship Id="rId1201" Type="http://schemas.openxmlformats.org/officeDocument/2006/relationships/hyperlink" Target="http://shop-masterinc.kz/photo/6119.jpg" TargetMode="External"/><Relationship Id="rId1439" Type="http://schemas.openxmlformats.org/officeDocument/2006/relationships/hyperlink" Target="http://shop-masterinc.kz/photo/9549.jpg" TargetMode="External"/><Relationship Id="rId1646" Type="http://schemas.openxmlformats.org/officeDocument/2006/relationships/hyperlink" Target="http://shop-masterinc.kz/photo/6852.jpg" TargetMode="External"/><Relationship Id="rId1853" Type="http://schemas.openxmlformats.org/officeDocument/2006/relationships/hyperlink" Target="http://shop-masterinc.kz/photo/7426.jpg" TargetMode="External"/><Relationship Id="rId2031" Type="http://schemas.openxmlformats.org/officeDocument/2006/relationships/hyperlink" Target="http://shop-masterinc.kz/photo/5747.jpg" TargetMode="External"/><Relationship Id="rId9" Type="http://schemas.openxmlformats.org/officeDocument/2006/relationships/hyperlink" Target="http://shop-masterinc.kz/photo/8865.jpg" TargetMode="External"/><Relationship Id="rId210" Type="http://schemas.openxmlformats.org/officeDocument/2006/relationships/hyperlink" Target="http://shop-masterinc.kz/photo/9425.jpg" TargetMode="External"/><Relationship Id="rId448" Type="http://schemas.openxmlformats.org/officeDocument/2006/relationships/hyperlink" Target="http://shop-masterinc.kz/photo/4439.jpg" TargetMode="External"/><Relationship Id="rId655" Type="http://schemas.openxmlformats.org/officeDocument/2006/relationships/hyperlink" Target="http://shop-masterinc.kz/photo/3052.jpg" TargetMode="External"/><Relationship Id="rId862" Type="http://schemas.openxmlformats.org/officeDocument/2006/relationships/hyperlink" Target="http://shop-masterinc.kz/photo/6239.jpg" TargetMode="External"/><Relationship Id="rId1078" Type="http://schemas.openxmlformats.org/officeDocument/2006/relationships/hyperlink" Target="http://shop-masterinc.kz/photo/66.jpg" TargetMode="External"/><Relationship Id="rId1285" Type="http://schemas.openxmlformats.org/officeDocument/2006/relationships/hyperlink" Target="http://shop-masterinc.kz/photo/8206.jpg" TargetMode="External"/><Relationship Id="rId1492" Type="http://schemas.openxmlformats.org/officeDocument/2006/relationships/hyperlink" Target="http://shop-masterinc.kz/photo/5812.jpg" TargetMode="External"/><Relationship Id="rId1506" Type="http://schemas.openxmlformats.org/officeDocument/2006/relationships/hyperlink" Target="http://shop-masterinc.kz/photo/9479.jpg" TargetMode="External"/><Relationship Id="rId1713" Type="http://schemas.openxmlformats.org/officeDocument/2006/relationships/hyperlink" Target="http://shop-masterinc.kz/photo/5996.jpg" TargetMode="External"/><Relationship Id="rId1920" Type="http://schemas.openxmlformats.org/officeDocument/2006/relationships/hyperlink" Target="http://shop-masterinc.kz/photo/9259.jpg" TargetMode="External"/><Relationship Id="rId2129" Type="http://schemas.openxmlformats.org/officeDocument/2006/relationships/hyperlink" Target="http://shop-masterinc.kz/photo/9932.jpg" TargetMode="External"/><Relationship Id="rId294" Type="http://schemas.openxmlformats.org/officeDocument/2006/relationships/hyperlink" Target="http://shop-masterinc.kz/photo/5424.jpg" TargetMode="External"/><Relationship Id="rId308" Type="http://schemas.openxmlformats.org/officeDocument/2006/relationships/hyperlink" Target="http://shop-masterinc.kz/photo/4930.jpg" TargetMode="External"/><Relationship Id="rId515" Type="http://schemas.openxmlformats.org/officeDocument/2006/relationships/hyperlink" Target="http://shop-masterinc.kz/photo/10302.jpg" TargetMode="External"/><Relationship Id="rId722" Type="http://schemas.openxmlformats.org/officeDocument/2006/relationships/hyperlink" Target="http://shop-masterinc.kz/photo/5151.jpg" TargetMode="External"/><Relationship Id="rId1145" Type="http://schemas.openxmlformats.org/officeDocument/2006/relationships/hyperlink" Target="http://shop-masterinc.kz/photo/3804.jpg" TargetMode="External"/><Relationship Id="rId1352" Type="http://schemas.openxmlformats.org/officeDocument/2006/relationships/hyperlink" Target="http://shop-masterinc.kz/photo/4704.jpg" TargetMode="External"/><Relationship Id="rId1797" Type="http://schemas.openxmlformats.org/officeDocument/2006/relationships/hyperlink" Target="http://shop-masterinc.kz/photo/9707.jpg" TargetMode="External"/><Relationship Id="rId89" Type="http://schemas.openxmlformats.org/officeDocument/2006/relationships/hyperlink" Target="http://shop-masterinc.kz/photo/10201.jpg" TargetMode="External"/><Relationship Id="rId154" Type="http://schemas.openxmlformats.org/officeDocument/2006/relationships/hyperlink" Target="http://shop-masterinc.kz/photo/9254.jpg" TargetMode="External"/><Relationship Id="rId361" Type="http://schemas.openxmlformats.org/officeDocument/2006/relationships/hyperlink" Target="http://shop-masterinc.kz/photo/5468.jpg" TargetMode="External"/><Relationship Id="rId599" Type="http://schemas.openxmlformats.org/officeDocument/2006/relationships/hyperlink" Target="http://shop-masterinc.kz/photo/912.jpg" TargetMode="External"/><Relationship Id="rId1005" Type="http://schemas.openxmlformats.org/officeDocument/2006/relationships/hyperlink" Target="http://shop-masterinc.kz/photo/7790.jpg" TargetMode="External"/><Relationship Id="rId1212" Type="http://schemas.openxmlformats.org/officeDocument/2006/relationships/hyperlink" Target="http://shop-masterinc.kz/photo/6265.jpg" TargetMode="External"/><Relationship Id="rId1657" Type="http://schemas.openxmlformats.org/officeDocument/2006/relationships/hyperlink" Target="http://shop-masterinc.kz/photo/8539.jpg" TargetMode="External"/><Relationship Id="rId1864" Type="http://schemas.openxmlformats.org/officeDocument/2006/relationships/hyperlink" Target="http://shop-masterinc.kz/photo/6057.jpg" TargetMode="External"/><Relationship Id="rId2042" Type="http://schemas.openxmlformats.org/officeDocument/2006/relationships/hyperlink" Target="http://shop-masterinc.kz/photo/5179.jpg" TargetMode="External"/><Relationship Id="rId459" Type="http://schemas.openxmlformats.org/officeDocument/2006/relationships/hyperlink" Target="http://shop-masterinc.kz/photo/7396.jpg" TargetMode="External"/><Relationship Id="rId666" Type="http://schemas.openxmlformats.org/officeDocument/2006/relationships/hyperlink" Target="http://shop-masterinc.kz/photo/3268.jpg" TargetMode="External"/><Relationship Id="rId873" Type="http://schemas.openxmlformats.org/officeDocument/2006/relationships/hyperlink" Target="http://shop-masterinc.kz/photo/5121.jpg" TargetMode="External"/><Relationship Id="rId1089" Type="http://schemas.openxmlformats.org/officeDocument/2006/relationships/hyperlink" Target="http://shop-masterinc.kz/photo/5473.jpg" TargetMode="External"/><Relationship Id="rId1296" Type="http://schemas.openxmlformats.org/officeDocument/2006/relationships/hyperlink" Target="http://shop-masterinc.kz/photo/6002.jpg" TargetMode="External"/><Relationship Id="rId1517" Type="http://schemas.openxmlformats.org/officeDocument/2006/relationships/hyperlink" Target="http://shop-masterinc.kz/photo/8180.jpg" TargetMode="External"/><Relationship Id="rId1724" Type="http://schemas.openxmlformats.org/officeDocument/2006/relationships/hyperlink" Target="http://shop-masterinc.kz/photo/4959.jpg" TargetMode="External"/><Relationship Id="rId16" Type="http://schemas.openxmlformats.org/officeDocument/2006/relationships/hyperlink" Target="http://shop-masterinc.kz/photo/6375.jpg" TargetMode="External"/><Relationship Id="rId221" Type="http://schemas.openxmlformats.org/officeDocument/2006/relationships/hyperlink" Target="http://shop-masterinc.kz/photo/1376.jpg" TargetMode="External"/><Relationship Id="rId319" Type="http://schemas.openxmlformats.org/officeDocument/2006/relationships/hyperlink" Target="http://shop-masterinc.kz/photo/3724.jpg" TargetMode="External"/><Relationship Id="rId526" Type="http://schemas.openxmlformats.org/officeDocument/2006/relationships/hyperlink" Target="http://shop-masterinc.kz/photo/7285.jpg" TargetMode="External"/><Relationship Id="rId1156" Type="http://schemas.openxmlformats.org/officeDocument/2006/relationships/hyperlink" Target="http://shop-masterinc.kz/photo/1631.jpg" TargetMode="External"/><Relationship Id="rId1363" Type="http://schemas.openxmlformats.org/officeDocument/2006/relationships/hyperlink" Target="http://shop-masterinc.kz/photo/4322.jpg" TargetMode="External"/><Relationship Id="rId1931" Type="http://schemas.openxmlformats.org/officeDocument/2006/relationships/hyperlink" Target="http://shop-masterinc.kz/photo/8626.jpg" TargetMode="External"/><Relationship Id="rId733" Type="http://schemas.openxmlformats.org/officeDocument/2006/relationships/hyperlink" Target="http://shop-masterinc.kz/photo/6874.jpg" TargetMode="External"/><Relationship Id="rId940" Type="http://schemas.openxmlformats.org/officeDocument/2006/relationships/hyperlink" Target="http://shop-masterinc.kz/photo/8644.jpg" TargetMode="External"/><Relationship Id="rId1016" Type="http://schemas.openxmlformats.org/officeDocument/2006/relationships/hyperlink" Target="http://shop-masterinc.kz/photo/7623.jpg" TargetMode="External"/><Relationship Id="rId1570" Type="http://schemas.openxmlformats.org/officeDocument/2006/relationships/hyperlink" Target="http://shop-masterinc.kz/photo/6946.jpg" TargetMode="External"/><Relationship Id="rId1668" Type="http://schemas.openxmlformats.org/officeDocument/2006/relationships/hyperlink" Target="http://shop-masterinc.kz/photo/5100.jpg" TargetMode="External"/><Relationship Id="rId1875" Type="http://schemas.openxmlformats.org/officeDocument/2006/relationships/hyperlink" Target="http://shop-masterinc.kz/photo/8766.jpg" TargetMode="External"/><Relationship Id="rId165" Type="http://schemas.openxmlformats.org/officeDocument/2006/relationships/hyperlink" Target="http://shop-masterinc.kz/photo/8620.jpg" TargetMode="External"/><Relationship Id="rId372" Type="http://schemas.openxmlformats.org/officeDocument/2006/relationships/hyperlink" Target="http://shop-masterinc.kz/photo/3015.jpg" TargetMode="External"/><Relationship Id="rId677" Type="http://schemas.openxmlformats.org/officeDocument/2006/relationships/hyperlink" Target="http://shop-masterinc.kz/photo/5310.jpg" TargetMode="External"/><Relationship Id="rId800" Type="http://schemas.openxmlformats.org/officeDocument/2006/relationships/hyperlink" Target="http://shop-masterinc.kz/photo/5867.jpg" TargetMode="External"/><Relationship Id="rId1223" Type="http://schemas.openxmlformats.org/officeDocument/2006/relationships/hyperlink" Target="http://shop-masterinc.kz/photo/936.jpg" TargetMode="External"/><Relationship Id="rId1430" Type="http://schemas.openxmlformats.org/officeDocument/2006/relationships/hyperlink" Target="http://shop-masterinc.kz/photo/10207.jpg" TargetMode="External"/><Relationship Id="rId1528" Type="http://schemas.openxmlformats.org/officeDocument/2006/relationships/hyperlink" Target="http://shop-masterinc.kz/photo/7555.jpg" TargetMode="External"/><Relationship Id="rId2053" Type="http://schemas.openxmlformats.org/officeDocument/2006/relationships/hyperlink" Target="http://shop-masterinc.kz/photo/4571.jpg" TargetMode="External"/><Relationship Id="rId232" Type="http://schemas.openxmlformats.org/officeDocument/2006/relationships/hyperlink" Target="http://shop-masterinc.kz/photo/6998.jpg" TargetMode="External"/><Relationship Id="rId884" Type="http://schemas.openxmlformats.org/officeDocument/2006/relationships/hyperlink" Target="http://shop-masterinc.kz/photo/6845.jpg" TargetMode="External"/><Relationship Id="rId1735" Type="http://schemas.openxmlformats.org/officeDocument/2006/relationships/hyperlink" Target="http://shop-masterinc.kz/photo/9351.jpg" TargetMode="External"/><Relationship Id="rId1942" Type="http://schemas.openxmlformats.org/officeDocument/2006/relationships/hyperlink" Target="http://shop-masterinc.kz/photo/10087.jpg" TargetMode="External"/><Relationship Id="rId2120" Type="http://schemas.openxmlformats.org/officeDocument/2006/relationships/hyperlink" Target="http://shop-masterinc.kz/photo/9921.jpg" TargetMode="External"/><Relationship Id="rId27" Type="http://schemas.openxmlformats.org/officeDocument/2006/relationships/hyperlink" Target="http://shop-masterinc.kz/photo/6488.jpg" TargetMode="External"/><Relationship Id="rId537" Type="http://schemas.openxmlformats.org/officeDocument/2006/relationships/hyperlink" Target="http://shop-masterinc.kz/photo/8333.jpg" TargetMode="External"/><Relationship Id="rId744" Type="http://schemas.openxmlformats.org/officeDocument/2006/relationships/hyperlink" Target="http://shop-masterinc.kz/photo/873.jpg" TargetMode="External"/><Relationship Id="rId951" Type="http://schemas.openxmlformats.org/officeDocument/2006/relationships/hyperlink" Target="http://shop-masterinc.kz/photo/8067.jpg" TargetMode="External"/><Relationship Id="rId1167" Type="http://schemas.openxmlformats.org/officeDocument/2006/relationships/hyperlink" Target="http://shop-masterinc.kz/photo/9695.jpg" TargetMode="External"/><Relationship Id="rId1374" Type="http://schemas.openxmlformats.org/officeDocument/2006/relationships/hyperlink" Target="http://shop-masterinc.kz/photo/1654.jpg" TargetMode="External"/><Relationship Id="rId1581" Type="http://schemas.openxmlformats.org/officeDocument/2006/relationships/hyperlink" Target="http://shop-masterinc.kz/photo/7776.jpg" TargetMode="External"/><Relationship Id="rId1679" Type="http://schemas.openxmlformats.org/officeDocument/2006/relationships/hyperlink" Target="http://shop-masterinc.kz/photo/6192.jpg" TargetMode="External"/><Relationship Id="rId1802" Type="http://schemas.openxmlformats.org/officeDocument/2006/relationships/hyperlink" Target="http://shop-masterinc.kz/photo/9917.jpg" TargetMode="External"/><Relationship Id="rId80" Type="http://schemas.openxmlformats.org/officeDocument/2006/relationships/hyperlink" Target="http://shop-masterinc.kz/photo/8863.jpg" TargetMode="External"/><Relationship Id="rId176" Type="http://schemas.openxmlformats.org/officeDocument/2006/relationships/hyperlink" Target="http://shop-masterinc.kz/photo/8519.jpg" TargetMode="External"/><Relationship Id="rId383" Type="http://schemas.openxmlformats.org/officeDocument/2006/relationships/hyperlink" Target="http://shop-masterinc.kz/photo/5764.jpg" TargetMode="External"/><Relationship Id="rId590" Type="http://schemas.openxmlformats.org/officeDocument/2006/relationships/hyperlink" Target="http://shop-masterinc.kz/photo/8901.jpg" TargetMode="External"/><Relationship Id="rId604" Type="http://schemas.openxmlformats.org/officeDocument/2006/relationships/hyperlink" Target="http://shop-masterinc.kz/photo/8005.jpg" TargetMode="External"/><Relationship Id="rId811" Type="http://schemas.openxmlformats.org/officeDocument/2006/relationships/hyperlink" Target="http://shop-masterinc.kz/photo/1768.jpg" TargetMode="External"/><Relationship Id="rId1027" Type="http://schemas.openxmlformats.org/officeDocument/2006/relationships/hyperlink" Target="http://shop-masterinc.kz/photo/10158.jpg" TargetMode="External"/><Relationship Id="rId1234" Type="http://schemas.openxmlformats.org/officeDocument/2006/relationships/hyperlink" Target="http://shop-masterinc.kz/photo/1449.jpg" TargetMode="External"/><Relationship Id="rId1441" Type="http://schemas.openxmlformats.org/officeDocument/2006/relationships/hyperlink" Target="http://shop-masterinc.kz/photo/9526.jpg" TargetMode="External"/><Relationship Id="rId1886" Type="http://schemas.openxmlformats.org/officeDocument/2006/relationships/hyperlink" Target="http://shop-masterinc.kz/photo/7931.jpg" TargetMode="External"/><Relationship Id="rId2064" Type="http://schemas.openxmlformats.org/officeDocument/2006/relationships/hyperlink" Target="http://shop-masterinc.kz/photo/4771.jpg" TargetMode="External"/><Relationship Id="rId243" Type="http://schemas.openxmlformats.org/officeDocument/2006/relationships/hyperlink" Target="http://shop-masterinc.kz/photo/9401.jpg" TargetMode="External"/><Relationship Id="rId450" Type="http://schemas.openxmlformats.org/officeDocument/2006/relationships/hyperlink" Target="http://shop-masterinc.kz/photo/8468.jpg" TargetMode="External"/><Relationship Id="rId688" Type="http://schemas.openxmlformats.org/officeDocument/2006/relationships/hyperlink" Target="http://shop-masterinc.kz/photo/6469.jpg" TargetMode="External"/><Relationship Id="rId895" Type="http://schemas.openxmlformats.org/officeDocument/2006/relationships/hyperlink" Target="http://shop-masterinc.kz/photo/7361.jpg" TargetMode="External"/><Relationship Id="rId909" Type="http://schemas.openxmlformats.org/officeDocument/2006/relationships/hyperlink" Target="http://shop-masterinc.kz/photo/3548.jpg" TargetMode="External"/><Relationship Id="rId1080" Type="http://schemas.openxmlformats.org/officeDocument/2006/relationships/hyperlink" Target="http://shop-masterinc.kz/photo/9692.jpg" TargetMode="External"/><Relationship Id="rId1301" Type="http://schemas.openxmlformats.org/officeDocument/2006/relationships/hyperlink" Target="http://shop-masterinc.kz/photo/8087.jpg" TargetMode="External"/><Relationship Id="rId1539" Type="http://schemas.openxmlformats.org/officeDocument/2006/relationships/hyperlink" Target="http://shop-masterinc.kz/photo/8176.jpg" TargetMode="External"/><Relationship Id="rId1746" Type="http://schemas.openxmlformats.org/officeDocument/2006/relationships/hyperlink" Target="http://shop-masterinc.kz/photo/4197.jpg" TargetMode="External"/><Relationship Id="rId1953" Type="http://schemas.openxmlformats.org/officeDocument/2006/relationships/hyperlink" Target="http://shop-masterinc.kz/photo/10009.jpg" TargetMode="External"/><Relationship Id="rId2131" Type="http://schemas.openxmlformats.org/officeDocument/2006/relationships/hyperlink" Target="http://shop-masterinc.kz/photo/10281.jpg" TargetMode="External"/><Relationship Id="rId38" Type="http://schemas.openxmlformats.org/officeDocument/2006/relationships/hyperlink" Target="http://shop-masterinc.kz/photo/7264.jpg" TargetMode="External"/><Relationship Id="rId103" Type="http://schemas.openxmlformats.org/officeDocument/2006/relationships/hyperlink" Target="http://shop-masterinc.kz/photo/7847.jpg" TargetMode="External"/><Relationship Id="rId310" Type="http://schemas.openxmlformats.org/officeDocument/2006/relationships/hyperlink" Target="http://shop-masterinc.kz/photo/6738.jpg" TargetMode="External"/><Relationship Id="rId548" Type="http://schemas.openxmlformats.org/officeDocument/2006/relationships/hyperlink" Target="http://shop-masterinc.kz/photo/1766.jpg" TargetMode="External"/><Relationship Id="rId755" Type="http://schemas.openxmlformats.org/officeDocument/2006/relationships/hyperlink" Target="http://shop-masterinc.kz/photo/7952.jpg" TargetMode="External"/><Relationship Id="rId962" Type="http://schemas.openxmlformats.org/officeDocument/2006/relationships/hyperlink" Target="http://shop-masterinc.kz/photo/10162.jpg" TargetMode="External"/><Relationship Id="rId1178" Type="http://schemas.openxmlformats.org/officeDocument/2006/relationships/hyperlink" Target="http://shop-masterinc.kz/photo/6200.jpg" TargetMode="External"/><Relationship Id="rId1385" Type="http://schemas.openxmlformats.org/officeDocument/2006/relationships/hyperlink" Target="http://shop-masterinc.kz/photo/1203.jpg" TargetMode="External"/><Relationship Id="rId1592" Type="http://schemas.openxmlformats.org/officeDocument/2006/relationships/hyperlink" Target="http://shop-masterinc.kz/photo/8217.jpg" TargetMode="External"/><Relationship Id="rId1606" Type="http://schemas.openxmlformats.org/officeDocument/2006/relationships/hyperlink" Target="http://shop-masterinc.kz/photo/7350.jpg" TargetMode="External"/><Relationship Id="rId1813" Type="http://schemas.openxmlformats.org/officeDocument/2006/relationships/hyperlink" Target="http://shop-masterinc.kz/photo/9979.jpg" TargetMode="External"/><Relationship Id="rId91" Type="http://schemas.openxmlformats.org/officeDocument/2006/relationships/hyperlink" Target="http://shop-masterinc.kz/photo/8032.jpg" TargetMode="External"/><Relationship Id="rId187" Type="http://schemas.openxmlformats.org/officeDocument/2006/relationships/hyperlink" Target="http://shop-masterinc.kz/photo/7766.jpg" TargetMode="External"/><Relationship Id="rId394" Type="http://schemas.openxmlformats.org/officeDocument/2006/relationships/hyperlink" Target="http://shop-masterinc.kz/photo/887.jpg" TargetMode="External"/><Relationship Id="rId408" Type="http://schemas.openxmlformats.org/officeDocument/2006/relationships/hyperlink" Target="http://shop-masterinc.kz/photo/9328.jpg" TargetMode="External"/><Relationship Id="rId615" Type="http://schemas.openxmlformats.org/officeDocument/2006/relationships/hyperlink" Target="http://shop-masterinc.kz/photo/575.jpg" TargetMode="External"/><Relationship Id="rId822" Type="http://schemas.openxmlformats.org/officeDocument/2006/relationships/hyperlink" Target="http://shop-masterinc.kz/photo/3362.jpg" TargetMode="External"/><Relationship Id="rId1038" Type="http://schemas.openxmlformats.org/officeDocument/2006/relationships/hyperlink" Target="http://shop-masterinc.kz/photo/9890.jpg" TargetMode="External"/><Relationship Id="rId1245" Type="http://schemas.openxmlformats.org/officeDocument/2006/relationships/hyperlink" Target="http://shop-masterinc.kz/photo/6510.jpg" TargetMode="External"/><Relationship Id="rId1452" Type="http://schemas.openxmlformats.org/officeDocument/2006/relationships/hyperlink" Target="http://shop-masterinc.kz/photo/8605.jpg" TargetMode="External"/><Relationship Id="rId1897" Type="http://schemas.openxmlformats.org/officeDocument/2006/relationships/hyperlink" Target="http://shop-masterinc.kz/photo/10339.jpg" TargetMode="External"/><Relationship Id="rId2075" Type="http://schemas.openxmlformats.org/officeDocument/2006/relationships/hyperlink" Target="http://shop-masterinc.kz/photo/10166.jpg" TargetMode="External"/><Relationship Id="rId254" Type="http://schemas.openxmlformats.org/officeDocument/2006/relationships/hyperlink" Target="http://shop-masterinc.kz/photo/8531.jpg" TargetMode="External"/><Relationship Id="rId699" Type="http://schemas.openxmlformats.org/officeDocument/2006/relationships/hyperlink" Target="http://shop-masterinc.kz/photo/818.jpg" TargetMode="External"/><Relationship Id="rId1091" Type="http://schemas.openxmlformats.org/officeDocument/2006/relationships/hyperlink" Target="http://shop-masterinc.kz/photo/7068.jpg" TargetMode="External"/><Relationship Id="rId1105" Type="http://schemas.openxmlformats.org/officeDocument/2006/relationships/hyperlink" Target="http://shop-masterinc.kz/photo/1205.jpg" TargetMode="External"/><Relationship Id="rId1312" Type="http://schemas.openxmlformats.org/officeDocument/2006/relationships/hyperlink" Target="http://shop-masterinc.kz/photo/1316.jpg" TargetMode="External"/><Relationship Id="rId1757" Type="http://schemas.openxmlformats.org/officeDocument/2006/relationships/hyperlink" Target="http://shop-masterinc.kz/photo/5143.jpg" TargetMode="External"/><Relationship Id="rId1964" Type="http://schemas.openxmlformats.org/officeDocument/2006/relationships/hyperlink" Target="http://shop-masterinc.kz/photo/8237.jpg" TargetMode="External"/><Relationship Id="rId49" Type="http://schemas.openxmlformats.org/officeDocument/2006/relationships/hyperlink" Target="http://shop-masterinc.kz/photo/6982.jpg" TargetMode="External"/><Relationship Id="rId114" Type="http://schemas.openxmlformats.org/officeDocument/2006/relationships/hyperlink" Target="http://shop-masterinc.kz/photo/8127.jpg" TargetMode="External"/><Relationship Id="rId461" Type="http://schemas.openxmlformats.org/officeDocument/2006/relationships/hyperlink" Target="http://shop-masterinc.kz/photo/4428.jpg" TargetMode="External"/><Relationship Id="rId559" Type="http://schemas.openxmlformats.org/officeDocument/2006/relationships/hyperlink" Target="http://shop-masterinc.kz/photo/7266.jpg" TargetMode="External"/><Relationship Id="rId766" Type="http://schemas.openxmlformats.org/officeDocument/2006/relationships/hyperlink" Target="http://shop-masterinc.kz/photo/7656.jpg" TargetMode="External"/><Relationship Id="rId1189" Type="http://schemas.openxmlformats.org/officeDocument/2006/relationships/hyperlink" Target="http://shop-masterinc.kz/photo/895.jpg" TargetMode="External"/><Relationship Id="rId1396" Type="http://schemas.openxmlformats.org/officeDocument/2006/relationships/hyperlink" Target="http://shop-masterinc.kz/photo/6528.jpg" TargetMode="External"/><Relationship Id="rId1617" Type="http://schemas.openxmlformats.org/officeDocument/2006/relationships/hyperlink" Target="http://shop-masterinc.kz/photo/772.jpg" TargetMode="External"/><Relationship Id="rId1824" Type="http://schemas.openxmlformats.org/officeDocument/2006/relationships/hyperlink" Target="http://shop-masterinc.kz/photo/9915.jpg" TargetMode="External"/><Relationship Id="rId2142" Type="http://schemas.openxmlformats.org/officeDocument/2006/relationships/hyperlink" Target="http://shop-masterinc.kz/photo/9486.jpg" TargetMode="External"/><Relationship Id="rId198" Type="http://schemas.openxmlformats.org/officeDocument/2006/relationships/hyperlink" Target="http://shop-masterinc.kz/photo/40.jpg" TargetMode="External"/><Relationship Id="rId321" Type="http://schemas.openxmlformats.org/officeDocument/2006/relationships/hyperlink" Target="http://shop-masterinc.kz/photo/3723.jpg" TargetMode="External"/><Relationship Id="rId419" Type="http://schemas.openxmlformats.org/officeDocument/2006/relationships/hyperlink" Target="http://shop-masterinc.kz/photo/3784.jpg" TargetMode="External"/><Relationship Id="rId626" Type="http://schemas.openxmlformats.org/officeDocument/2006/relationships/hyperlink" Target="http://shop-masterinc.kz/photo/564.jpg" TargetMode="External"/><Relationship Id="rId973" Type="http://schemas.openxmlformats.org/officeDocument/2006/relationships/hyperlink" Target="http://shop-masterinc.kz/photo/4215.jpg" TargetMode="External"/><Relationship Id="rId1049" Type="http://schemas.openxmlformats.org/officeDocument/2006/relationships/hyperlink" Target="http://shop-masterinc.kz/photo/800.jpg" TargetMode="External"/><Relationship Id="rId1256" Type="http://schemas.openxmlformats.org/officeDocument/2006/relationships/hyperlink" Target="http://shop-masterinc.kz/photo/7891.jpg" TargetMode="External"/><Relationship Id="rId2002" Type="http://schemas.openxmlformats.org/officeDocument/2006/relationships/hyperlink" Target="http://shop-masterinc.kz/photo/7682.jpg" TargetMode="External"/><Relationship Id="rId2086" Type="http://schemas.openxmlformats.org/officeDocument/2006/relationships/hyperlink" Target="http://shop-masterinc.kz/photo/10179.jpg" TargetMode="External"/><Relationship Id="rId833" Type="http://schemas.openxmlformats.org/officeDocument/2006/relationships/hyperlink" Target="http://shop-masterinc.kz/photo/5833.jpg" TargetMode="External"/><Relationship Id="rId1116" Type="http://schemas.openxmlformats.org/officeDocument/2006/relationships/hyperlink" Target="http://shop-masterinc.kz/photo/9364.jpg" TargetMode="External"/><Relationship Id="rId1463" Type="http://schemas.openxmlformats.org/officeDocument/2006/relationships/hyperlink" Target="http://shop-masterinc.kz/photo/5986.jpg" TargetMode="External"/><Relationship Id="rId1670" Type="http://schemas.openxmlformats.org/officeDocument/2006/relationships/hyperlink" Target="http://shop-masterinc.kz/photo/10214.jpg" TargetMode="External"/><Relationship Id="rId1768" Type="http://schemas.openxmlformats.org/officeDocument/2006/relationships/hyperlink" Target="http://shop-masterinc.kz/photo/6212.jpg" TargetMode="External"/><Relationship Id="rId265" Type="http://schemas.openxmlformats.org/officeDocument/2006/relationships/hyperlink" Target="http://shop-masterinc.kz/photo/4299.jpg" TargetMode="External"/><Relationship Id="rId472" Type="http://schemas.openxmlformats.org/officeDocument/2006/relationships/hyperlink" Target="http://shop-masterinc.kz/photo/510.jpg" TargetMode="External"/><Relationship Id="rId900" Type="http://schemas.openxmlformats.org/officeDocument/2006/relationships/hyperlink" Target="http://shop-masterinc.kz/photo/6605.jpg" TargetMode="External"/><Relationship Id="rId1323" Type="http://schemas.openxmlformats.org/officeDocument/2006/relationships/hyperlink" Target="http://shop-masterinc.kz/photo/8917.jpg" TargetMode="External"/><Relationship Id="rId1530" Type="http://schemas.openxmlformats.org/officeDocument/2006/relationships/hyperlink" Target="http://shop-masterinc.kz/photo/10096.jpg" TargetMode="External"/><Relationship Id="rId1628" Type="http://schemas.openxmlformats.org/officeDocument/2006/relationships/hyperlink" Target="http://shop-masterinc.kz/photo/769.jpg" TargetMode="External"/><Relationship Id="rId1975" Type="http://schemas.openxmlformats.org/officeDocument/2006/relationships/hyperlink" Target="http://shop-masterinc.kz/photo/6912.jpg" TargetMode="External"/><Relationship Id="rId2153" Type="http://schemas.openxmlformats.org/officeDocument/2006/relationships/hyperlink" Target="http://shop-masterinc.kz/photo/9834.jpg" TargetMode="External"/><Relationship Id="rId125" Type="http://schemas.openxmlformats.org/officeDocument/2006/relationships/hyperlink" Target="http://shop-masterinc.kz/photo/8476.jpg" TargetMode="External"/><Relationship Id="rId332" Type="http://schemas.openxmlformats.org/officeDocument/2006/relationships/hyperlink" Target="http://shop-masterinc.kz/photo/9710.jpg" TargetMode="External"/><Relationship Id="rId777" Type="http://schemas.openxmlformats.org/officeDocument/2006/relationships/hyperlink" Target="http://shop-masterinc.kz/photo/8318.jpg" TargetMode="External"/><Relationship Id="rId984" Type="http://schemas.openxmlformats.org/officeDocument/2006/relationships/hyperlink" Target="http://shop-masterinc.kz/photo/870.jpg" TargetMode="External"/><Relationship Id="rId1835" Type="http://schemas.openxmlformats.org/officeDocument/2006/relationships/hyperlink" Target="http://shop-masterinc.kz/photo/9481.jpg" TargetMode="External"/><Relationship Id="rId2013" Type="http://schemas.openxmlformats.org/officeDocument/2006/relationships/hyperlink" Target="http://shop-masterinc.kz/photo/6459.jpg" TargetMode="External"/><Relationship Id="rId637" Type="http://schemas.openxmlformats.org/officeDocument/2006/relationships/hyperlink" Target="http://shop-masterinc.kz/photo/5449.jpg" TargetMode="External"/><Relationship Id="rId844" Type="http://schemas.openxmlformats.org/officeDocument/2006/relationships/hyperlink" Target="http://shop-masterinc.kz/photo/3720.jpg" TargetMode="External"/><Relationship Id="rId1267" Type="http://schemas.openxmlformats.org/officeDocument/2006/relationships/hyperlink" Target="http://shop-masterinc.kz/photo/8203.jpg" TargetMode="External"/><Relationship Id="rId1474" Type="http://schemas.openxmlformats.org/officeDocument/2006/relationships/hyperlink" Target="http://shop-masterinc.kz/photo/7680.jpg" TargetMode="External"/><Relationship Id="rId1681" Type="http://schemas.openxmlformats.org/officeDocument/2006/relationships/hyperlink" Target="http://shop-masterinc.kz/photo/8194.jpg" TargetMode="External"/><Relationship Id="rId1902" Type="http://schemas.openxmlformats.org/officeDocument/2006/relationships/hyperlink" Target="http://shop-masterinc.kz/photo/8337.jpg" TargetMode="External"/><Relationship Id="rId2097" Type="http://schemas.openxmlformats.org/officeDocument/2006/relationships/hyperlink" Target="http://shop-masterinc.kz/photo/10266.jpg" TargetMode="External"/><Relationship Id="rId276" Type="http://schemas.openxmlformats.org/officeDocument/2006/relationships/hyperlink" Target="http://shop-masterinc.kz/photo/6482.jpg" TargetMode="External"/><Relationship Id="rId483" Type="http://schemas.openxmlformats.org/officeDocument/2006/relationships/hyperlink" Target="http://shop-masterinc.kz/photo/77.jpg" TargetMode="External"/><Relationship Id="rId690" Type="http://schemas.openxmlformats.org/officeDocument/2006/relationships/hyperlink" Target="http://shop-masterinc.kz/photo/3924.jpg" TargetMode="External"/><Relationship Id="rId704" Type="http://schemas.openxmlformats.org/officeDocument/2006/relationships/hyperlink" Target="http://shop-masterinc.kz/photo/819.jpg" TargetMode="External"/><Relationship Id="rId911" Type="http://schemas.openxmlformats.org/officeDocument/2006/relationships/hyperlink" Target="http://shop-masterinc.kz/photo/3551.jpg" TargetMode="External"/><Relationship Id="rId1127" Type="http://schemas.openxmlformats.org/officeDocument/2006/relationships/hyperlink" Target="http://shop-masterinc.kz/photo/1146.jpg" TargetMode="External"/><Relationship Id="rId1334" Type="http://schemas.openxmlformats.org/officeDocument/2006/relationships/hyperlink" Target="http://shop-masterinc.kz/photo/5305.jpg" TargetMode="External"/><Relationship Id="rId1541" Type="http://schemas.openxmlformats.org/officeDocument/2006/relationships/hyperlink" Target="http://shop-masterinc.kz/photo/7597.jpg" TargetMode="External"/><Relationship Id="rId1779" Type="http://schemas.openxmlformats.org/officeDocument/2006/relationships/hyperlink" Target="http://shop-masterinc.kz/photo/10143.jpg" TargetMode="External"/><Relationship Id="rId1986" Type="http://schemas.openxmlformats.org/officeDocument/2006/relationships/hyperlink" Target="http://shop-masterinc.kz/photo/6538.jpg" TargetMode="External"/><Relationship Id="rId2164" Type="http://schemas.openxmlformats.org/officeDocument/2006/relationships/printerSettings" Target="../printerSettings/printerSettings1.bin"/><Relationship Id="rId40" Type="http://schemas.openxmlformats.org/officeDocument/2006/relationships/hyperlink" Target="http://shop-masterinc.kz/photo/6983.jpg" TargetMode="External"/><Relationship Id="rId136" Type="http://schemas.openxmlformats.org/officeDocument/2006/relationships/hyperlink" Target="http://shop-masterinc.kz/photo/8490.jpg" TargetMode="External"/><Relationship Id="rId343" Type="http://schemas.openxmlformats.org/officeDocument/2006/relationships/hyperlink" Target="http://shop-masterinc.kz/photo/9018.jpg" TargetMode="External"/><Relationship Id="rId550" Type="http://schemas.openxmlformats.org/officeDocument/2006/relationships/hyperlink" Target="http://shop-masterinc.kz/photo/7038.jpg" TargetMode="External"/><Relationship Id="rId788" Type="http://schemas.openxmlformats.org/officeDocument/2006/relationships/hyperlink" Target="http://shop-masterinc.kz/photo/3550.jpg" TargetMode="External"/><Relationship Id="rId995" Type="http://schemas.openxmlformats.org/officeDocument/2006/relationships/hyperlink" Target="http://shop-masterinc.kz/photo/9909.jpg" TargetMode="External"/><Relationship Id="rId1180" Type="http://schemas.openxmlformats.org/officeDocument/2006/relationships/hyperlink" Target="http://shop-masterinc.kz/photo/3879.jpg" TargetMode="External"/><Relationship Id="rId1401" Type="http://schemas.openxmlformats.org/officeDocument/2006/relationships/hyperlink" Target="http://shop-masterinc.kz/photo/6519.jpg" TargetMode="External"/><Relationship Id="rId1639" Type="http://schemas.openxmlformats.org/officeDocument/2006/relationships/hyperlink" Target="http://shop-masterinc.kz/photo/7381.jpg" TargetMode="External"/><Relationship Id="rId1846" Type="http://schemas.openxmlformats.org/officeDocument/2006/relationships/hyperlink" Target="http://shop-masterinc.kz/photo/5947.jpg" TargetMode="External"/><Relationship Id="rId2024" Type="http://schemas.openxmlformats.org/officeDocument/2006/relationships/hyperlink" Target="http://shop-masterinc.kz/photo/1048.jpg" TargetMode="External"/><Relationship Id="rId203" Type="http://schemas.openxmlformats.org/officeDocument/2006/relationships/hyperlink" Target="http://shop-masterinc.kz/photo/536.jpg" TargetMode="External"/><Relationship Id="rId648" Type="http://schemas.openxmlformats.org/officeDocument/2006/relationships/hyperlink" Target="http://shop-masterinc.kz/photo/5299.jpg" TargetMode="External"/><Relationship Id="rId855" Type="http://schemas.openxmlformats.org/officeDocument/2006/relationships/hyperlink" Target="http://shop-masterinc.kz/photo/848.jpg" TargetMode="External"/><Relationship Id="rId1040" Type="http://schemas.openxmlformats.org/officeDocument/2006/relationships/hyperlink" Target="http://shop-masterinc.kz/photo/10188.jpg" TargetMode="External"/><Relationship Id="rId1278" Type="http://schemas.openxmlformats.org/officeDocument/2006/relationships/hyperlink" Target="http://shop-masterinc.kz/photo/7016.jpg" TargetMode="External"/><Relationship Id="rId1485" Type="http://schemas.openxmlformats.org/officeDocument/2006/relationships/hyperlink" Target="http://shop-masterinc.kz/photo/9075.jpg" TargetMode="External"/><Relationship Id="rId1692" Type="http://schemas.openxmlformats.org/officeDocument/2006/relationships/hyperlink" Target="http://shop-masterinc.kz/photo/7006.jpg" TargetMode="External"/><Relationship Id="rId1706" Type="http://schemas.openxmlformats.org/officeDocument/2006/relationships/hyperlink" Target="http://shop-masterinc.kz/photo/7009.jpg" TargetMode="External"/><Relationship Id="rId1913" Type="http://schemas.openxmlformats.org/officeDocument/2006/relationships/hyperlink" Target="http://shop-masterinc.kz/photo/6072.jpg" TargetMode="External"/><Relationship Id="rId287" Type="http://schemas.openxmlformats.org/officeDocument/2006/relationships/hyperlink" Target="http://shop-masterinc.kz/photo/3563.jpg" TargetMode="External"/><Relationship Id="rId410" Type="http://schemas.openxmlformats.org/officeDocument/2006/relationships/hyperlink" Target="http://shop-masterinc.kz/photo/5488.jpg" TargetMode="External"/><Relationship Id="rId494" Type="http://schemas.openxmlformats.org/officeDocument/2006/relationships/hyperlink" Target="http://shop-masterinc.kz/photo/5685.jpg" TargetMode="External"/><Relationship Id="rId508" Type="http://schemas.openxmlformats.org/officeDocument/2006/relationships/hyperlink" Target="http://shop-masterinc.kz/photo/5089.jpg" TargetMode="External"/><Relationship Id="rId715" Type="http://schemas.openxmlformats.org/officeDocument/2006/relationships/hyperlink" Target="http://shop-masterinc.kz/photo/6466.jpg" TargetMode="External"/><Relationship Id="rId922" Type="http://schemas.openxmlformats.org/officeDocument/2006/relationships/hyperlink" Target="http://shop-masterinc.kz/photo/8068.jpg" TargetMode="External"/><Relationship Id="rId1138" Type="http://schemas.openxmlformats.org/officeDocument/2006/relationships/hyperlink" Target="http://shop-masterinc.kz/photo/799.jpg" TargetMode="External"/><Relationship Id="rId1345" Type="http://schemas.openxmlformats.org/officeDocument/2006/relationships/hyperlink" Target="http://shop-masterinc.kz/photo/3121.jpg" TargetMode="External"/><Relationship Id="rId1552" Type="http://schemas.openxmlformats.org/officeDocument/2006/relationships/hyperlink" Target="http://shop-masterinc.kz/photo/8347.jpg" TargetMode="External"/><Relationship Id="rId1997" Type="http://schemas.openxmlformats.org/officeDocument/2006/relationships/hyperlink" Target="http://shop-masterinc.kz/photo/6236.jpg" TargetMode="External"/><Relationship Id="rId147" Type="http://schemas.openxmlformats.org/officeDocument/2006/relationships/hyperlink" Target="http://shop-masterinc.kz/photo/7738.jpg" TargetMode="External"/><Relationship Id="rId354" Type="http://schemas.openxmlformats.org/officeDocument/2006/relationships/hyperlink" Target="http://shop-masterinc.kz/photo/9031.jpg" TargetMode="External"/><Relationship Id="rId799" Type="http://schemas.openxmlformats.org/officeDocument/2006/relationships/hyperlink" Target="http://shop-masterinc.kz/photo/5672.jpg" TargetMode="External"/><Relationship Id="rId1191" Type="http://schemas.openxmlformats.org/officeDocument/2006/relationships/hyperlink" Target="http://shop-masterinc.kz/photo/3530.jpg" TargetMode="External"/><Relationship Id="rId1205" Type="http://schemas.openxmlformats.org/officeDocument/2006/relationships/hyperlink" Target="http://shop-masterinc.kz/photo/5415.jpg" TargetMode="External"/><Relationship Id="rId1857" Type="http://schemas.openxmlformats.org/officeDocument/2006/relationships/hyperlink" Target="http://shop-masterinc.kz/photo/9878.jpg" TargetMode="External"/><Relationship Id="rId2035" Type="http://schemas.openxmlformats.org/officeDocument/2006/relationships/hyperlink" Target="http://shop-masterinc.kz/photo/6770.jpg" TargetMode="External"/><Relationship Id="rId51" Type="http://schemas.openxmlformats.org/officeDocument/2006/relationships/hyperlink" Target="http://shop-masterinc.kz/photo/6980.jpg" TargetMode="External"/><Relationship Id="rId561" Type="http://schemas.openxmlformats.org/officeDocument/2006/relationships/hyperlink" Target="http://shop-masterinc.kz/photo/6975.jpg" TargetMode="External"/><Relationship Id="rId659" Type="http://schemas.openxmlformats.org/officeDocument/2006/relationships/hyperlink" Target="http://shop-masterinc.kz/photo/5281.jpg" TargetMode="External"/><Relationship Id="rId866" Type="http://schemas.openxmlformats.org/officeDocument/2006/relationships/hyperlink" Target="http://shop-masterinc.kz/photo/6243.jpg" TargetMode="External"/><Relationship Id="rId1289" Type="http://schemas.openxmlformats.org/officeDocument/2006/relationships/hyperlink" Target="http://shop-masterinc.kz/photo/7097.jpg" TargetMode="External"/><Relationship Id="rId1412" Type="http://schemas.openxmlformats.org/officeDocument/2006/relationships/hyperlink" Target="http://shop-masterinc.kz/photo/7122.jpg" TargetMode="External"/><Relationship Id="rId1496" Type="http://schemas.openxmlformats.org/officeDocument/2006/relationships/hyperlink" Target="http://shop-masterinc.kz/photo/10209.jpg" TargetMode="External"/><Relationship Id="rId1717" Type="http://schemas.openxmlformats.org/officeDocument/2006/relationships/hyperlink" Target="http://shop-masterinc.kz/photo/10222.jpg" TargetMode="External"/><Relationship Id="rId1924" Type="http://schemas.openxmlformats.org/officeDocument/2006/relationships/hyperlink" Target="http://shop-masterinc.kz/photo/8243.jpg" TargetMode="External"/><Relationship Id="rId214" Type="http://schemas.openxmlformats.org/officeDocument/2006/relationships/hyperlink" Target="http://shop-masterinc.kz/photo/9332.jpg" TargetMode="External"/><Relationship Id="rId298" Type="http://schemas.openxmlformats.org/officeDocument/2006/relationships/hyperlink" Target="http://shop-masterinc.kz/photo/1774.jpg" TargetMode="External"/><Relationship Id="rId421" Type="http://schemas.openxmlformats.org/officeDocument/2006/relationships/hyperlink" Target="http://shop-masterinc.kz/photo/3667.jpg" TargetMode="External"/><Relationship Id="rId519" Type="http://schemas.openxmlformats.org/officeDocument/2006/relationships/hyperlink" Target="http://shop-masterinc.kz/photo/115.jpg" TargetMode="External"/><Relationship Id="rId1051" Type="http://schemas.openxmlformats.org/officeDocument/2006/relationships/hyperlink" Target="http://shop-masterinc.kz/photo/795.jpg" TargetMode="External"/><Relationship Id="rId1149" Type="http://schemas.openxmlformats.org/officeDocument/2006/relationships/hyperlink" Target="http://shop-masterinc.kz/photo/959.jpg" TargetMode="External"/><Relationship Id="rId1356" Type="http://schemas.openxmlformats.org/officeDocument/2006/relationships/hyperlink" Target="http://shop-masterinc.kz/photo/1223.jpg" TargetMode="External"/><Relationship Id="rId2102" Type="http://schemas.openxmlformats.org/officeDocument/2006/relationships/hyperlink" Target="http://shop-masterinc.kz/photo/10178.jpg" TargetMode="External"/><Relationship Id="rId158" Type="http://schemas.openxmlformats.org/officeDocument/2006/relationships/hyperlink" Target="http://shop-masterinc.kz/photo/9251.jpg" TargetMode="External"/><Relationship Id="rId726" Type="http://schemas.openxmlformats.org/officeDocument/2006/relationships/hyperlink" Target="http://shop-masterinc.kz/photo/3302.jpg" TargetMode="External"/><Relationship Id="rId933" Type="http://schemas.openxmlformats.org/officeDocument/2006/relationships/hyperlink" Target="http://shop-masterinc.kz/photo/881.jpg" TargetMode="External"/><Relationship Id="rId1009" Type="http://schemas.openxmlformats.org/officeDocument/2006/relationships/hyperlink" Target="http://shop-masterinc.kz/photo/7728.jpg" TargetMode="External"/><Relationship Id="rId1563" Type="http://schemas.openxmlformats.org/officeDocument/2006/relationships/hyperlink" Target="http://shop-masterinc.kz/photo/6957.jpg" TargetMode="External"/><Relationship Id="rId1770" Type="http://schemas.openxmlformats.org/officeDocument/2006/relationships/hyperlink" Target="http://shop-masterinc.kz/photo/5904.jpg" TargetMode="External"/><Relationship Id="rId1868" Type="http://schemas.openxmlformats.org/officeDocument/2006/relationships/hyperlink" Target="http://shop-masterinc.kz/photo/6050.jpg" TargetMode="External"/><Relationship Id="rId62" Type="http://schemas.openxmlformats.org/officeDocument/2006/relationships/hyperlink" Target="http://shop-masterinc.kz/photo/9638.jpg" TargetMode="External"/><Relationship Id="rId365" Type="http://schemas.openxmlformats.org/officeDocument/2006/relationships/hyperlink" Target="http://shop-masterinc.kz/photo/9833.jpg" TargetMode="External"/><Relationship Id="rId572" Type="http://schemas.openxmlformats.org/officeDocument/2006/relationships/hyperlink" Target="http://shop-masterinc.kz/photo/8098.jpg" TargetMode="External"/><Relationship Id="rId1216" Type="http://schemas.openxmlformats.org/officeDocument/2006/relationships/hyperlink" Target="http://shop-masterinc.kz/photo/4421.jpg" TargetMode="External"/><Relationship Id="rId1423" Type="http://schemas.openxmlformats.org/officeDocument/2006/relationships/hyperlink" Target="http://shop-masterinc.kz/photo/10206.jpg" TargetMode="External"/><Relationship Id="rId1630" Type="http://schemas.openxmlformats.org/officeDocument/2006/relationships/hyperlink" Target="http://shop-masterinc.kz/photo/5993.jpg" TargetMode="External"/><Relationship Id="rId2046" Type="http://schemas.openxmlformats.org/officeDocument/2006/relationships/hyperlink" Target="http://shop-masterinc.kz/photo/4364.jpg" TargetMode="External"/><Relationship Id="rId225" Type="http://schemas.openxmlformats.org/officeDocument/2006/relationships/hyperlink" Target="http://shop-masterinc.kz/photo/529.jpg" TargetMode="External"/><Relationship Id="rId432" Type="http://schemas.openxmlformats.org/officeDocument/2006/relationships/hyperlink" Target="http://shop-masterinc.kz/photo/6628.jpg" TargetMode="External"/><Relationship Id="rId877" Type="http://schemas.openxmlformats.org/officeDocument/2006/relationships/hyperlink" Target="http://shop-masterinc.kz/photo/7358.jpg" TargetMode="External"/><Relationship Id="rId1062" Type="http://schemas.openxmlformats.org/officeDocument/2006/relationships/hyperlink" Target="http://shop-masterinc.kz/photo/64.jpg" TargetMode="External"/><Relationship Id="rId1728" Type="http://schemas.openxmlformats.org/officeDocument/2006/relationships/hyperlink" Target="http://shop-masterinc.kz/photo/5714.jpg" TargetMode="External"/><Relationship Id="rId1935" Type="http://schemas.openxmlformats.org/officeDocument/2006/relationships/hyperlink" Target="http://shop-masterinc.kz/photo/8633.jpg" TargetMode="External"/><Relationship Id="rId2113" Type="http://schemas.openxmlformats.org/officeDocument/2006/relationships/hyperlink" Target="http://shop-masterinc.kz/photo/9991.jpg" TargetMode="External"/><Relationship Id="rId737" Type="http://schemas.openxmlformats.org/officeDocument/2006/relationships/hyperlink" Target="http://shop-masterinc.kz/photo/1738.jpg" TargetMode="External"/><Relationship Id="rId944" Type="http://schemas.openxmlformats.org/officeDocument/2006/relationships/hyperlink" Target="http://shop-masterinc.kz/photo/7406.jpg" TargetMode="External"/><Relationship Id="rId1367" Type="http://schemas.openxmlformats.org/officeDocument/2006/relationships/hyperlink" Target="http://shop-masterinc.kz/photo/4343.jpg" TargetMode="External"/><Relationship Id="rId1574" Type="http://schemas.openxmlformats.org/officeDocument/2006/relationships/hyperlink" Target="http://shop-masterinc.kz/photo/7071.jpg" TargetMode="External"/><Relationship Id="rId1781" Type="http://schemas.openxmlformats.org/officeDocument/2006/relationships/hyperlink" Target="http://shop-masterinc.kz/photo/5901.jpg" TargetMode="External"/><Relationship Id="rId73" Type="http://schemas.openxmlformats.org/officeDocument/2006/relationships/hyperlink" Target="http://shop-masterinc.kz/photo/8730.jpg" TargetMode="External"/><Relationship Id="rId169" Type="http://schemas.openxmlformats.org/officeDocument/2006/relationships/hyperlink" Target="http://shop-masterinc.kz/photo/8081.jpg" TargetMode="External"/><Relationship Id="rId376" Type="http://schemas.openxmlformats.org/officeDocument/2006/relationships/hyperlink" Target="http://shop-masterinc.kz/photo/8348.jpg" TargetMode="External"/><Relationship Id="rId583" Type="http://schemas.openxmlformats.org/officeDocument/2006/relationships/hyperlink" Target="http://shop-masterinc.kz/photo/8527.jpg" TargetMode="External"/><Relationship Id="rId790" Type="http://schemas.openxmlformats.org/officeDocument/2006/relationships/hyperlink" Target="http://shop-masterinc.kz/photo/8438.jpg" TargetMode="External"/><Relationship Id="rId804" Type="http://schemas.openxmlformats.org/officeDocument/2006/relationships/hyperlink" Target="http://shop-masterinc.kz/photo/8260.jpg" TargetMode="External"/><Relationship Id="rId1227" Type="http://schemas.openxmlformats.org/officeDocument/2006/relationships/hyperlink" Target="http://shop-masterinc.kz/photo/1244.jpg" TargetMode="External"/><Relationship Id="rId1434" Type="http://schemas.openxmlformats.org/officeDocument/2006/relationships/hyperlink" Target="http://shop-masterinc.kz/photo/9661.jpg" TargetMode="External"/><Relationship Id="rId1641" Type="http://schemas.openxmlformats.org/officeDocument/2006/relationships/hyperlink" Target="http://shop-masterinc.kz/photo/5995.jpg" TargetMode="External"/><Relationship Id="rId1879" Type="http://schemas.openxmlformats.org/officeDocument/2006/relationships/hyperlink" Target="http://shop-masterinc.kz/photo/8530.jpg" TargetMode="External"/><Relationship Id="rId2057" Type="http://schemas.openxmlformats.org/officeDocument/2006/relationships/hyperlink" Target="http://shop-masterinc.kz/photo/4524.jpg" TargetMode="External"/><Relationship Id="rId4" Type="http://schemas.openxmlformats.org/officeDocument/2006/relationships/hyperlink" Target="mailto:postmanager@masterinc.kz?subject=&#1079;&#1072;&#1087;&#1088;&#1086;&#1089;%20&#1085;&#1072;%20&#1087;&#1086;&#1089;&#1090;&#1072;&#1074;&#1082;&#1091;" TargetMode="External"/><Relationship Id="rId236" Type="http://schemas.openxmlformats.org/officeDocument/2006/relationships/hyperlink" Target="http://shop-masterinc.kz/photo/9309.jpg" TargetMode="External"/><Relationship Id="rId443" Type="http://schemas.openxmlformats.org/officeDocument/2006/relationships/hyperlink" Target="http://shop-masterinc.kz/photo/4426.jpg" TargetMode="External"/><Relationship Id="rId650" Type="http://schemas.openxmlformats.org/officeDocument/2006/relationships/hyperlink" Target="http://shop-masterinc.kz/photo/823.jpg" TargetMode="External"/><Relationship Id="rId888" Type="http://schemas.openxmlformats.org/officeDocument/2006/relationships/hyperlink" Target="http://shop-masterinc.kz/photo/5333.jpg" TargetMode="External"/><Relationship Id="rId1073" Type="http://schemas.openxmlformats.org/officeDocument/2006/relationships/hyperlink" Target="http://shop-masterinc.kz/photo/9374.jpg" TargetMode="External"/><Relationship Id="rId1280" Type="http://schemas.openxmlformats.org/officeDocument/2006/relationships/hyperlink" Target="http://shop-masterinc.kz/photo/5407.jpg" TargetMode="External"/><Relationship Id="rId1501" Type="http://schemas.openxmlformats.org/officeDocument/2006/relationships/hyperlink" Target="http://shop-masterinc.kz/photo/9087.jpg" TargetMode="External"/><Relationship Id="rId1739" Type="http://schemas.openxmlformats.org/officeDocument/2006/relationships/hyperlink" Target="http://shop-masterinc.kz/photo/9525.jpg" TargetMode="External"/><Relationship Id="rId1946" Type="http://schemas.openxmlformats.org/officeDocument/2006/relationships/hyperlink" Target="http://shop-masterinc.kz/photo/9115.jpg" TargetMode="External"/><Relationship Id="rId2124" Type="http://schemas.openxmlformats.org/officeDocument/2006/relationships/hyperlink" Target="http://shop-masterinc.kz/photo/9576.jpg" TargetMode="External"/><Relationship Id="rId303" Type="http://schemas.openxmlformats.org/officeDocument/2006/relationships/hyperlink" Target="http://shop-masterinc.kz/photo/8392.jpg" TargetMode="External"/><Relationship Id="rId748" Type="http://schemas.openxmlformats.org/officeDocument/2006/relationships/hyperlink" Target="http://shop-masterinc.kz/photo/7487.jpg" TargetMode="External"/><Relationship Id="rId955" Type="http://schemas.openxmlformats.org/officeDocument/2006/relationships/hyperlink" Target="http://shop-masterinc.kz/photo/7619.jpg" TargetMode="External"/><Relationship Id="rId1140" Type="http://schemas.openxmlformats.org/officeDocument/2006/relationships/hyperlink" Target="http://shop-masterinc.kz/photo/5501.jpg" TargetMode="External"/><Relationship Id="rId1378" Type="http://schemas.openxmlformats.org/officeDocument/2006/relationships/hyperlink" Target="http://shop-masterinc.kz/photo/4835.jpg" TargetMode="External"/><Relationship Id="rId1585" Type="http://schemas.openxmlformats.org/officeDocument/2006/relationships/hyperlink" Target="http://shop-masterinc.kz/photo/8415.jpg" TargetMode="External"/><Relationship Id="rId1792" Type="http://schemas.openxmlformats.org/officeDocument/2006/relationships/hyperlink" Target="http://shop-masterinc.kz/photo/7503.jpg" TargetMode="External"/><Relationship Id="rId1806" Type="http://schemas.openxmlformats.org/officeDocument/2006/relationships/hyperlink" Target="http://shop-masterinc.kz/photo/9093.jpg" TargetMode="External"/><Relationship Id="rId84" Type="http://schemas.openxmlformats.org/officeDocument/2006/relationships/hyperlink" Target="http://shop-masterinc.kz/photo/9639.jpg" TargetMode="External"/><Relationship Id="rId387" Type="http://schemas.openxmlformats.org/officeDocument/2006/relationships/hyperlink" Target="http://shop-masterinc.kz/photo/4305.jpg" TargetMode="External"/><Relationship Id="rId510" Type="http://schemas.openxmlformats.org/officeDocument/2006/relationships/hyperlink" Target="http://shop-masterinc.kz/photo/10317.jpg" TargetMode="External"/><Relationship Id="rId594" Type="http://schemas.openxmlformats.org/officeDocument/2006/relationships/hyperlink" Target="http://shop-masterinc.kz/photo/907.jpg" TargetMode="External"/><Relationship Id="rId608" Type="http://schemas.openxmlformats.org/officeDocument/2006/relationships/hyperlink" Target="http://shop-masterinc.kz/photo/3235.jpg" TargetMode="External"/><Relationship Id="rId815" Type="http://schemas.openxmlformats.org/officeDocument/2006/relationships/hyperlink" Target="http://shop-masterinc.kz/photo/3815.jpg" TargetMode="External"/><Relationship Id="rId1238" Type="http://schemas.openxmlformats.org/officeDocument/2006/relationships/hyperlink" Target="http://shop-masterinc.kz/photo/6517.jpg" TargetMode="External"/><Relationship Id="rId1445" Type="http://schemas.openxmlformats.org/officeDocument/2006/relationships/hyperlink" Target="http://shop-masterinc.kz/photo/732.jpg" TargetMode="External"/><Relationship Id="rId1652" Type="http://schemas.openxmlformats.org/officeDocument/2006/relationships/hyperlink" Target="http://shop-masterinc.kz/photo/768.jpg" TargetMode="External"/><Relationship Id="rId2068" Type="http://schemas.openxmlformats.org/officeDocument/2006/relationships/hyperlink" Target="http://shop-masterinc.kz/photo/10323.jpg" TargetMode="External"/><Relationship Id="rId247" Type="http://schemas.openxmlformats.org/officeDocument/2006/relationships/hyperlink" Target="http://shop-masterinc.kz/photo/3488.jpg" TargetMode="External"/><Relationship Id="rId899" Type="http://schemas.openxmlformats.org/officeDocument/2006/relationships/hyperlink" Target="http://shop-masterinc.kz/photo/6604.jpg" TargetMode="External"/><Relationship Id="rId1000" Type="http://schemas.openxmlformats.org/officeDocument/2006/relationships/hyperlink" Target="http://shop-masterinc.kz/photo/10265.jpg" TargetMode="External"/><Relationship Id="rId1084" Type="http://schemas.openxmlformats.org/officeDocument/2006/relationships/hyperlink" Target="http://shop-masterinc.kz/photo/124.jpg" TargetMode="External"/><Relationship Id="rId1305" Type="http://schemas.openxmlformats.org/officeDocument/2006/relationships/hyperlink" Target="http://shop-masterinc.kz/photo/6124.jpg" TargetMode="External"/><Relationship Id="rId1957" Type="http://schemas.openxmlformats.org/officeDocument/2006/relationships/hyperlink" Target="http://shop-masterinc.kz/photo/7797.jpg" TargetMode="External"/><Relationship Id="rId107" Type="http://schemas.openxmlformats.org/officeDocument/2006/relationships/hyperlink" Target="http://shop-masterinc.kz/photo/8969.jpg" TargetMode="External"/><Relationship Id="rId454" Type="http://schemas.openxmlformats.org/officeDocument/2006/relationships/hyperlink" Target="http://shop-masterinc.kz/photo/7395.jpg" TargetMode="External"/><Relationship Id="rId661" Type="http://schemas.openxmlformats.org/officeDocument/2006/relationships/hyperlink" Target="http://shop-masterinc.kz/photo/5102.jpg" TargetMode="External"/><Relationship Id="rId759" Type="http://schemas.openxmlformats.org/officeDocument/2006/relationships/hyperlink" Target="http://shop-masterinc.kz/photo/8669.jpg" TargetMode="External"/><Relationship Id="rId966" Type="http://schemas.openxmlformats.org/officeDocument/2006/relationships/hyperlink" Target="http://shop-masterinc.kz/photo/9243.jpg" TargetMode="External"/><Relationship Id="rId1291" Type="http://schemas.openxmlformats.org/officeDocument/2006/relationships/hyperlink" Target="http://shop-masterinc.kz/photo/7867.jpg" TargetMode="External"/><Relationship Id="rId1389" Type="http://schemas.openxmlformats.org/officeDocument/2006/relationships/hyperlink" Target="http://shop-masterinc.kz/photo/6511.jpg" TargetMode="External"/><Relationship Id="rId1512" Type="http://schemas.openxmlformats.org/officeDocument/2006/relationships/hyperlink" Target="http://shop-masterinc.kz/photo/7345.jpg" TargetMode="External"/><Relationship Id="rId1596" Type="http://schemas.openxmlformats.org/officeDocument/2006/relationships/hyperlink" Target="http://shop-masterinc.kz/photo/4345.jpg" TargetMode="External"/><Relationship Id="rId1817" Type="http://schemas.openxmlformats.org/officeDocument/2006/relationships/hyperlink" Target="http://shop-masterinc.kz/photo/9926.jpg" TargetMode="External"/><Relationship Id="rId2135" Type="http://schemas.openxmlformats.org/officeDocument/2006/relationships/hyperlink" Target="http://shop-masterinc.kz/photo/9377.jpg" TargetMode="External"/><Relationship Id="rId11" Type="http://schemas.openxmlformats.org/officeDocument/2006/relationships/hyperlink" Target="http://shop-masterinc.kz/photo/7782.jpg" TargetMode="External"/><Relationship Id="rId314" Type="http://schemas.openxmlformats.org/officeDocument/2006/relationships/hyperlink" Target="http://shop-masterinc.kz/photo/5870.jpg" TargetMode="External"/><Relationship Id="rId398" Type="http://schemas.openxmlformats.org/officeDocument/2006/relationships/hyperlink" Target="http://shop-masterinc.kz/photo/5168.jpg" TargetMode="External"/><Relationship Id="rId521" Type="http://schemas.openxmlformats.org/officeDocument/2006/relationships/hyperlink" Target="http://shop-masterinc.kz/photo/5128.jpg" TargetMode="External"/><Relationship Id="rId619" Type="http://schemas.openxmlformats.org/officeDocument/2006/relationships/hyperlink" Target="http://shop-masterinc.kz/photo/904.jpg" TargetMode="External"/><Relationship Id="rId1151" Type="http://schemas.openxmlformats.org/officeDocument/2006/relationships/hyperlink" Target="http://shop-masterinc.kz/photo/1056.jpg" TargetMode="External"/><Relationship Id="rId1249" Type="http://schemas.openxmlformats.org/officeDocument/2006/relationships/hyperlink" Target="http://shop-masterinc.kz/photo/4095.jpg" TargetMode="External"/><Relationship Id="rId2079" Type="http://schemas.openxmlformats.org/officeDocument/2006/relationships/hyperlink" Target="http://shop-masterinc.kz/photo/10247.jpg" TargetMode="External"/><Relationship Id="rId95" Type="http://schemas.openxmlformats.org/officeDocument/2006/relationships/hyperlink" Target="http://shop-masterinc.kz/photo/8731.jpg" TargetMode="External"/><Relationship Id="rId160" Type="http://schemas.openxmlformats.org/officeDocument/2006/relationships/hyperlink" Target="http://shop-masterinc.kz/photo/9253.jpg" TargetMode="External"/><Relationship Id="rId826" Type="http://schemas.openxmlformats.org/officeDocument/2006/relationships/hyperlink" Target="http://shop-masterinc.kz/photo/3875.jpg" TargetMode="External"/><Relationship Id="rId1011" Type="http://schemas.openxmlformats.org/officeDocument/2006/relationships/hyperlink" Target="http://shop-masterinc.kz/photo/7786.jpg" TargetMode="External"/><Relationship Id="rId1109" Type="http://schemas.openxmlformats.org/officeDocument/2006/relationships/hyperlink" Target="http://shop-masterinc.kz/photo/4671.jpg" TargetMode="External"/><Relationship Id="rId1456" Type="http://schemas.openxmlformats.org/officeDocument/2006/relationships/hyperlink" Target="http://shop-masterinc.kz/photo/733.jpg" TargetMode="External"/><Relationship Id="rId1663" Type="http://schemas.openxmlformats.org/officeDocument/2006/relationships/hyperlink" Target="http://shop-masterinc.kz/photo/1176.jpg" TargetMode="External"/><Relationship Id="rId1870" Type="http://schemas.openxmlformats.org/officeDocument/2006/relationships/hyperlink" Target="http://shop-masterinc.kz/photo/6347.jpg" TargetMode="External"/><Relationship Id="rId1968" Type="http://schemas.openxmlformats.org/officeDocument/2006/relationships/hyperlink" Target="http://shop-masterinc.kz/photo/6062.jpg" TargetMode="External"/><Relationship Id="rId258" Type="http://schemas.openxmlformats.org/officeDocument/2006/relationships/hyperlink" Target="http://shop-masterinc.kz/photo/8522.jpg" TargetMode="External"/><Relationship Id="rId465" Type="http://schemas.openxmlformats.org/officeDocument/2006/relationships/hyperlink" Target="http://shop-masterinc.kz/photo/3906.jpg" TargetMode="External"/><Relationship Id="rId672" Type="http://schemas.openxmlformats.org/officeDocument/2006/relationships/hyperlink" Target="http://shop-masterinc.kz/photo/7384.jpg" TargetMode="External"/><Relationship Id="rId1095" Type="http://schemas.openxmlformats.org/officeDocument/2006/relationships/hyperlink" Target="http://shop-masterinc.kz/photo/9038.jpg" TargetMode="External"/><Relationship Id="rId1316" Type="http://schemas.openxmlformats.org/officeDocument/2006/relationships/hyperlink" Target="http://shop-masterinc.kz/photo/1563.jpg" TargetMode="External"/><Relationship Id="rId1523" Type="http://schemas.openxmlformats.org/officeDocument/2006/relationships/hyperlink" Target="http://shop-masterinc.kz/photo/6102.jpg" TargetMode="External"/><Relationship Id="rId1730" Type="http://schemas.openxmlformats.org/officeDocument/2006/relationships/hyperlink" Target="http://shop-masterinc.kz/photo/10225.jpg" TargetMode="External"/><Relationship Id="rId2146" Type="http://schemas.openxmlformats.org/officeDocument/2006/relationships/hyperlink" Target="http://shop-masterinc.kz/photo/10137.jpg" TargetMode="External"/><Relationship Id="rId22" Type="http://schemas.openxmlformats.org/officeDocument/2006/relationships/hyperlink" Target="http://shop-masterinc.kz/photo/7282.jpg" TargetMode="External"/><Relationship Id="rId118" Type="http://schemas.openxmlformats.org/officeDocument/2006/relationships/hyperlink" Target="http://shop-masterinc.kz/photo/7756.jpg" TargetMode="External"/><Relationship Id="rId325" Type="http://schemas.openxmlformats.org/officeDocument/2006/relationships/hyperlink" Target="http://shop-masterinc.kz/photo/8814.jpg" TargetMode="External"/><Relationship Id="rId532" Type="http://schemas.openxmlformats.org/officeDocument/2006/relationships/hyperlink" Target="http://shop-masterinc.kz/photo/9148.jpg" TargetMode="External"/><Relationship Id="rId977" Type="http://schemas.openxmlformats.org/officeDocument/2006/relationships/hyperlink" Target="http://shop-masterinc.kz/photo/7663.jpg" TargetMode="External"/><Relationship Id="rId1162" Type="http://schemas.openxmlformats.org/officeDocument/2006/relationships/hyperlink" Target="http://shop-masterinc.kz/photo/5584.jpg" TargetMode="External"/><Relationship Id="rId1828" Type="http://schemas.openxmlformats.org/officeDocument/2006/relationships/hyperlink" Target="http://shop-masterinc.kz/photo/5976.jpg" TargetMode="External"/><Relationship Id="rId2006" Type="http://schemas.openxmlformats.org/officeDocument/2006/relationships/hyperlink" Target="http://shop-masterinc.kz/photo/677.jpg" TargetMode="External"/><Relationship Id="rId171" Type="http://schemas.openxmlformats.org/officeDocument/2006/relationships/hyperlink" Target="http://shop-masterinc.kz/photo/7742.jpg" TargetMode="External"/><Relationship Id="rId837" Type="http://schemas.openxmlformats.org/officeDocument/2006/relationships/hyperlink" Target="http://shop-masterinc.kz/photo/50.jpg" TargetMode="External"/><Relationship Id="rId1022" Type="http://schemas.openxmlformats.org/officeDocument/2006/relationships/hyperlink" Target="http://shop-masterinc.kz/photo/8443.jpg" TargetMode="External"/><Relationship Id="rId1467" Type="http://schemas.openxmlformats.org/officeDocument/2006/relationships/hyperlink" Target="http://shop-masterinc.kz/photo/5532.jpg" TargetMode="External"/><Relationship Id="rId1674" Type="http://schemas.openxmlformats.org/officeDocument/2006/relationships/hyperlink" Target="http://shop-masterinc.kz/photo/7382.jpg" TargetMode="External"/><Relationship Id="rId1881" Type="http://schemas.openxmlformats.org/officeDocument/2006/relationships/hyperlink" Target="http://shop-masterinc.kz/photo/9257.jpg" TargetMode="External"/><Relationship Id="rId269" Type="http://schemas.openxmlformats.org/officeDocument/2006/relationships/hyperlink" Target="http://shop-masterinc.kz/photo/4843.jpg" TargetMode="External"/><Relationship Id="rId476" Type="http://schemas.openxmlformats.org/officeDocument/2006/relationships/hyperlink" Target="http://shop-masterinc.kz/photo/5088.jpg" TargetMode="External"/><Relationship Id="rId683" Type="http://schemas.openxmlformats.org/officeDocument/2006/relationships/hyperlink" Target="http://shop-masterinc.kz/photo/3917.jpg" TargetMode="External"/><Relationship Id="rId890" Type="http://schemas.openxmlformats.org/officeDocument/2006/relationships/hyperlink" Target="http://shop-masterinc.kz/photo/5335.jpg" TargetMode="External"/><Relationship Id="rId904" Type="http://schemas.openxmlformats.org/officeDocument/2006/relationships/hyperlink" Target="http://shop-masterinc.kz/photo/7363.jpg" TargetMode="External"/><Relationship Id="rId1327" Type="http://schemas.openxmlformats.org/officeDocument/2006/relationships/hyperlink" Target="http://shop-masterinc.kz/photo/5307.jpg" TargetMode="External"/><Relationship Id="rId1534" Type="http://schemas.openxmlformats.org/officeDocument/2006/relationships/hyperlink" Target="http://shop-masterinc.kz/photo/7563.jpg" TargetMode="External"/><Relationship Id="rId1741" Type="http://schemas.openxmlformats.org/officeDocument/2006/relationships/hyperlink" Target="http://shop-masterinc.kz/photo/7077.jpg" TargetMode="External"/><Relationship Id="rId1979" Type="http://schemas.openxmlformats.org/officeDocument/2006/relationships/hyperlink" Target="http://shop-masterinc.kz/photo/9887.jpg" TargetMode="External"/><Relationship Id="rId2157" Type="http://schemas.openxmlformats.org/officeDocument/2006/relationships/hyperlink" Target="http://shop-masterinc.kz/photo/7277.jpg" TargetMode="External"/><Relationship Id="rId33" Type="http://schemas.openxmlformats.org/officeDocument/2006/relationships/hyperlink" Target="http://shop-masterinc.kz/photo/6310.jpg" TargetMode="External"/><Relationship Id="rId129" Type="http://schemas.openxmlformats.org/officeDocument/2006/relationships/hyperlink" Target="http://shop-masterinc.kz/photo/8491.jpg" TargetMode="External"/><Relationship Id="rId336" Type="http://schemas.openxmlformats.org/officeDocument/2006/relationships/hyperlink" Target="http://shop-masterinc.kz/photo/4711.jpg" TargetMode="External"/><Relationship Id="rId543" Type="http://schemas.openxmlformats.org/officeDocument/2006/relationships/hyperlink" Target="http://shop-masterinc.kz/photo/4296.jpg" TargetMode="External"/><Relationship Id="rId988" Type="http://schemas.openxmlformats.org/officeDocument/2006/relationships/hyperlink" Target="http://shop-masterinc.kz/photo/9893.jpg" TargetMode="External"/><Relationship Id="rId1173" Type="http://schemas.openxmlformats.org/officeDocument/2006/relationships/hyperlink" Target="http://shop-masterinc.kz/photo/893.jpg" TargetMode="External"/><Relationship Id="rId1380" Type="http://schemas.openxmlformats.org/officeDocument/2006/relationships/hyperlink" Target="http://shop-masterinc.kz/photo/6534.jpg" TargetMode="External"/><Relationship Id="rId1601" Type="http://schemas.openxmlformats.org/officeDocument/2006/relationships/hyperlink" Target="http://shop-masterinc.kz/photo/8038.jpg" TargetMode="External"/><Relationship Id="rId1839" Type="http://schemas.openxmlformats.org/officeDocument/2006/relationships/hyperlink" Target="http://shop-masterinc.kz/photo/9324.jpg" TargetMode="External"/><Relationship Id="rId2017" Type="http://schemas.openxmlformats.org/officeDocument/2006/relationships/hyperlink" Target="http://shop-masterinc.kz/photo/5282.jpg" TargetMode="External"/><Relationship Id="rId182" Type="http://schemas.openxmlformats.org/officeDocument/2006/relationships/hyperlink" Target="http://shop-masterinc.kz/photo/7771.jpg" TargetMode="External"/><Relationship Id="rId403" Type="http://schemas.openxmlformats.org/officeDocument/2006/relationships/hyperlink" Target="http://shop-masterinc.kz/photo/4936.jpg" TargetMode="External"/><Relationship Id="rId750" Type="http://schemas.openxmlformats.org/officeDocument/2006/relationships/hyperlink" Target="http://shop-masterinc.kz/photo/7490.jpg" TargetMode="External"/><Relationship Id="rId848" Type="http://schemas.openxmlformats.org/officeDocument/2006/relationships/hyperlink" Target="http://shop-masterinc.kz/photo/884.jpg" TargetMode="External"/><Relationship Id="rId1033" Type="http://schemas.openxmlformats.org/officeDocument/2006/relationships/hyperlink" Target="http://shop-masterinc.kz/photo/10203.jpg" TargetMode="External"/><Relationship Id="rId1478" Type="http://schemas.openxmlformats.org/officeDocument/2006/relationships/hyperlink" Target="http://shop-masterinc.kz/photo/9100.jpg" TargetMode="External"/><Relationship Id="rId1685" Type="http://schemas.openxmlformats.org/officeDocument/2006/relationships/hyperlink" Target="http://shop-masterinc.kz/photo/10215.jpg" TargetMode="External"/><Relationship Id="rId1892" Type="http://schemas.openxmlformats.org/officeDocument/2006/relationships/hyperlink" Target="http://shop-masterinc.kz/photo/7928.jpg" TargetMode="External"/><Relationship Id="rId1906" Type="http://schemas.openxmlformats.org/officeDocument/2006/relationships/hyperlink" Target="http://shop-masterinc.kz/photo/8484.jpg" TargetMode="External"/><Relationship Id="rId487" Type="http://schemas.openxmlformats.org/officeDocument/2006/relationships/hyperlink" Target="http://shop-masterinc.kz/photo/10085.jpg" TargetMode="External"/><Relationship Id="rId610" Type="http://schemas.openxmlformats.org/officeDocument/2006/relationships/hyperlink" Target="http://shop-masterinc.kz/photo/7909.jpg" TargetMode="External"/><Relationship Id="rId694" Type="http://schemas.openxmlformats.org/officeDocument/2006/relationships/hyperlink" Target="http://shop-masterinc.kz/photo/6101.jpg" TargetMode="External"/><Relationship Id="rId708" Type="http://schemas.openxmlformats.org/officeDocument/2006/relationships/hyperlink" Target="http://shop-masterinc.kz/photo/7372.jpg" TargetMode="External"/><Relationship Id="rId915" Type="http://schemas.openxmlformats.org/officeDocument/2006/relationships/hyperlink" Target="http://shop-masterinc.kz/photo/3650.jpg" TargetMode="External"/><Relationship Id="rId1240" Type="http://schemas.openxmlformats.org/officeDocument/2006/relationships/hyperlink" Target="http://shop-masterinc.kz/photo/6520.jpg" TargetMode="External"/><Relationship Id="rId1338" Type="http://schemas.openxmlformats.org/officeDocument/2006/relationships/hyperlink" Target="http://shop-masterinc.kz/photo/6927.jpg" TargetMode="External"/><Relationship Id="rId1545" Type="http://schemas.openxmlformats.org/officeDocument/2006/relationships/hyperlink" Target="http://shop-masterinc.kz/photo/9804.jpg" TargetMode="External"/><Relationship Id="rId2070" Type="http://schemas.openxmlformats.org/officeDocument/2006/relationships/hyperlink" Target="http://shop-masterinc.kz/photo/10199.jpg" TargetMode="External"/><Relationship Id="rId347" Type="http://schemas.openxmlformats.org/officeDocument/2006/relationships/hyperlink" Target="http://shop-masterinc.kz/photo/9366.jpg" TargetMode="External"/><Relationship Id="rId999" Type="http://schemas.openxmlformats.org/officeDocument/2006/relationships/hyperlink" Target="http://shop-masterinc.kz/photo/7106.jpg" TargetMode="External"/><Relationship Id="rId1100" Type="http://schemas.openxmlformats.org/officeDocument/2006/relationships/hyperlink" Target="http://shop-masterinc.kz/photo/803.jpg" TargetMode="External"/><Relationship Id="rId1184" Type="http://schemas.openxmlformats.org/officeDocument/2006/relationships/hyperlink" Target="http://shop-masterinc.kz/photo/4327.jpg" TargetMode="External"/><Relationship Id="rId1405" Type="http://schemas.openxmlformats.org/officeDocument/2006/relationships/hyperlink" Target="http://shop-masterinc.kz/photo/6001.jpg" TargetMode="External"/><Relationship Id="rId1752" Type="http://schemas.openxmlformats.org/officeDocument/2006/relationships/hyperlink" Target="http://shop-masterinc.kz/photo/6580.jpg" TargetMode="External"/><Relationship Id="rId2028" Type="http://schemas.openxmlformats.org/officeDocument/2006/relationships/hyperlink" Target="http://shop-masterinc.kz/photo/681.jpg" TargetMode="External"/><Relationship Id="rId44" Type="http://schemas.openxmlformats.org/officeDocument/2006/relationships/hyperlink" Target="http://shop-masterinc.kz/photo/9559.jpg" TargetMode="External"/><Relationship Id="rId554" Type="http://schemas.openxmlformats.org/officeDocument/2006/relationships/hyperlink" Target="http://shop-masterinc.kz/photo/6697.jpg" TargetMode="External"/><Relationship Id="rId761" Type="http://schemas.openxmlformats.org/officeDocument/2006/relationships/hyperlink" Target="http://shop-masterinc.kz/photo/8018.jpg" TargetMode="External"/><Relationship Id="rId859" Type="http://schemas.openxmlformats.org/officeDocument/2006/relationships/hyperlink" Target="http://shop-masterinc.kz/photo/8650.jpg" TargetMode="External"/><Relationship Id="rId1391" Type="http://schemas.openxmlformats.org/officeDocument/2006/relationships/hyperlink" Target="http://shop-masterinc.kz/photo/5997.jpg" TargetMode="External"/><Relationship Id="rId1489" Type="http://schemas.openxmlformats.org/officeDocument/2006/relationships/hyperlink" Target="http://shop-masterinc.kz/photo/7572.jpg" TargetMode="External"/><Relationship Id="rId1612" Type="http://schemas.openxmlformats.org/officeDocument/2006/relationships/hyperlink" Target="http://shop-masterinc.kz/photo/5328.jpg" TargetMode="External"/><Relationship Id="rId1696" Type="http://schemas.openxmlformats.org/officeDocument/2006/relationships/hyperlink" Target="http://shop-masterinc.kz/photo/4264.jpg" TargetMode="External"/><Relationship Id="rId1917" Type="http://schemas.openxmlformats.org/officeDocument/2006/relationships/hyperlink" Target="http://shop-masterinc.kz/photo/8547.jpg" TargetMode="External"/><Relationship Id="rId193" Type="http://schemas.openxmlformats.org/officeDocument/2006/relationships/hyperlink" Target="http://shop-masterinc.kz/photo/1379.jpg" TargetMode="External"/><Relationship Id="rId207" Type="http://schemas.openxmlformats.org/officeDocument/2006/relationships/hyperlink" Target="http://shop-masterinc.kz/photo/9426.jpg" TargetMode="External"/><Relationship Id="rId414" Type="http://schemas.openxmlformats.org/officeDocument/2006/relationships/hyperlink" Target="http://shop-masterinc.kz/photo/1388.jpg" TargetMode="External"/><Relationship Id="rId498" Type="http://schemas.openxmlformats.org/officeDocument/2006/relationships/hyperlink" Target="http://shop-masterinc.kz/photo/5688.jpg" TargetMode="External"/><Relationship Id="rId621" Type="http://schemas.openxmlformats.org/officeDocument/2006/relationships/hyperlink" Target="http://shop-masterinc.kz/photo/5267.jpg" TargetMode="External"/><Relationship Id="rId1044" Type="http://schemas.openxmlformats.org/officeDocument/2006/relationships/hyperlink" Target="http://shop-masterinc.kz/photo/9145.jpg" TargetMode="External"/><Relationship Id="rId1251" Type="http://schemas.openxmlformats.org/officeDocument/2006/relationships/hyperlink" Target="http://shop-masterinc.kz/photo/1238.jpg" TargetMode="External"/><Relationship Id="rId1349" Type="http://schemas.openxmlformats.org/officeDocument/2006/relationships/hyperlink" Target="http://shop-masterinc.kz/photo/5898.jpg" TargetMode="External"/><Relationship Id="rId2081" Type="http://schemas.openxmlformats.org/officeDocument/2006/relationships/hyperlink" Target="http://shop-masterinc.kz/photo/10249.jpg" TargetMode="External"/><Relationship Id="rId260" Type="http://schemas.openxmlformats.org/officeDocument/2006/relationships/hyperlink" Target="http://shop-masterinc.kz/photo/9001.jpg" TargetMode="External"/><Relationship Id="rId719" Type="http://schemas.openxmlformats.org/officeDocument/2006/relationships/hyperlink" Target="http://shop-masterinc.kz/photo/3841.jpg" TargetMode="External"/><Relationship Id="rId926" Type="http://schemas.openxmlformats.org/officeDocument/2006/relationships/hyperlink" Target="http://shop-masterinc.kz/photo/48.jpg" TargetMode="External"/><Relationship Id="rId1111" Type="http://schemas.openxmlformats.org/officeDocument/2006/relationships/hyperlink" Target="http://shop-masterinc.kz/photo/5476.jpg" TargetMode="External"/><Relationship Id="rId1556" Type="http://schemas.openxmlformats.org/officeDocument/2006/relationships/hyperlink" Target="http://shop-masterinc.kz/photo/4516.jpg" TargetMode="External"/><Relationship Id="rId1763" Type="http://schemas.openxmlformats.org/officeDocument/2006/relationships/hyperlink" Target="http://shop-masterinc.kz/photo/5902.jpg" TargetMode="External"/><Relationship Id="rId1970" Type="http://schemas.openxmlformats.org/officeDocument/2006/relationships/hyperlink" Target="http://shop-masterinc.kz/photo/9080.jpg" TargetMode="External"/><Relationship Id="rId55" Type="http://schemas.openxmlformats.org/officeDocument/2006/relationships/hyperlink" Target="http://shop-masterinc.kz/photo/6981.jpg" TargetMode="External"/><Relationship Id="rId120" Type="http://schemas.openxmlformats.org/officeDocument/2006/relationships/hyperlink" Target="http://shop-masterinc.kz/photo/7757.jpg" TargetMode="External"/><Relationship Id="rId358" Type="http://schemas.openxmlformats.org/officeDocument/2006/relationships/hyperlink" Target="http://shop-masterinc.kz/photo/7994.jpg" TargetMode="External"/><Relationship Id="rId565" Type="http://schemas.openxmlformats.org/officeDocument/2006/relationships/hyperlink" Target="http://shop-masterinc.kz/photo/4352.jpg" TargetMode="External"/><Relationship Id="rId772" Type="http://schemas.openxmlformats.org/officeDocument/2006/relationships/hyperlink" Target="http://shop-masterinc.kz/photo/7323.jpg" TargetMode="External"/><Relationship Id="rId1195" Type="http://schemas.openxmlformats.org/officeDocument/2006/relationships/hyperlink" Target="http://shop-masterinc.kz/photo/7625.jpg" TargetMode="External"/><Relationship Id="rId1209" Type="http://schemas.openxmlformats.org/officeDocument/2006/relationships/hyperlink" Target="http://shop-masterinc.kz/photo/5428.jpg" TargetMode="External"/><Relationship Id="rId1416" Type="http://schemas.openxmlformats.org/officeDocument/2006/relationships/hyperlink" Target="http://shop-masterinc.kz/photo/10145.jpg" TargetMode="External"/><Relationship Id="rId1623" Type="http://schemas.openxmlformats.org/officeDocument/2006/relationships/hyperlink" Target="http://shop-masterinc.kz/photo/8838.jpg" TargetMode="External"/><Relationship Id="rId1830" Type="http://schemas.openxmlformats.org/officeDocument/2006/relationships/hyperlink" Target="http://shop-masterinc.kz/photo/9039.jpg" TargetMode="External"/><Relationship Id="rId2039" Type="http://schemas.openxmlformats.org/officeDocument/2006/relationships/hyperlink" Target="http://shop-masterinc.kz/photo/8365.jpg" TargetMode="External"/><Relationship Id="rId218" Type="http://schemas.openxmlformats.org/officeDocument/2006/relationships/hyperlink" Target="http://shop-masterinc.kz/photo/5395.jpg" TargetMode="External"/><Relationship Id="rId425" Type="http://schemas.openxmlformats.org/officeDocument/2006/relationships/hyperlink" Target="http://shop-masterinc.kz/photo/4423.jpg" TargetMode="External"/><Relationship Id="rId632" Type="http://schemas.openxmlformats.org/officeDocument/2006/relationships/hyperlink" Target="http://shop-masterinc.kz/photo/3621.jpg" TargetMode="External"/><Relationship Id="rId1055" Type="http://schemas.openxmlformats.org/officeDocument/2006/relationships/hyperlink" Target="http://shop-masterinc.kz/photo/57.jpg" TargetMode="External"/><Relationship Id="rId1262" Type="http://schemas.openxmlformats.org/officeDocument/2006/relationships/hyperlink" Target="http://shop-masterinc.kz/photo/4126.jpg" TargetMode="External"/><Relationship Id="rId1928" Type="http://schemas.openxmlformats.org/officeDocument/2006/relationships/hyperlink" Target="http://shop-masterinc.kz/photo/9118.jpg" TargetMode="External"/><Relationship Id="rId2092" Type="http://schemas.openxmlformats.org/officeDocument/2006/relationships/hyperlink" Target="http://shop-masterinc.kz/photo/10253.jpg" TargetMode="External"/><Relationship Id="rId2106" Type="http://schemas.openxmlformats.org/officeDocument/2006/relationships/hyperlink" Target="http://shop-masterinc.kz/photo/9999.jpg" TargetMode="External"/><Relationship Id="rId271" Type="http://schemas.openxmlformats.org/officeDocument/2006/relationships/hyperlink" Target="http://shop-masterinc.kz/photo/5545.jpg" TargetMode="External"/><Relationship Id="rId937" Type="http://schemas.openxmlformats.org/officeDocument/2006/relationships/hyperlink" Target="http://shop-masterinc.kz/photo/1769.jpg" TargetMode="External"/><Relationship Id="rId1122" Type="http://schemas.openxmlformats.org/officeDocument/2006/relationships/hyperlink" Target="http://shop-masterinc.kz/photo/1734.jpg" TargetMode="External"/><Relationship Id="rId1567" Type="http://schemas.openxmlformats.org/officeDocument/2006/relationships/hyperlink" Target="http://shop-masterinc.kz/photo/6947.jpg" TargetMode="External"/><Relationship Id="rId1774" Type="http://schemas.openxmlformats.org/officeDocument/2006/relationships/hyperlink" Target="http://shop-masterinc.kz/photo/4013.jpg" TargetMode="External"/><Relationship Id="rId1981" Type="http://schemas.openxmlformats.org/officeDocument/2006/relationships/hyperlink" Target="http://shop-masterinc.kz/photo/4501.jpg" TargetMode="External"/><Relationship Id="rId66" Type="http://schemas.openxmlformats.org/officeDocument/2006/relationships/hyperlink" Target="http://shop-masterinc.kz/photo/8119.jpg" TargetMode="External"/><Relationship Id="rId131" Type="http://schemas.openxmlformats.org/officeDocument/2006/relationships/hyperlink" Target="http://shop-masterinc.kz/photo/8487.jpg" TargetMode="External"/><Relationship Id="rId369" Type="http://schemas.openxmlformats.org/officeDocument/2006/relationships/hyperlink" Target="http://shop-masterinc.kz/photo/5963.jpg" TargetMode="External"/><Relationship Id="rId576" Type="http://schemas.openxmlformats.org/officeDocument/2006/relationships/hyperlink" Target="http://shop-masterinc.kz/photo/8401.jpg" TargetMode="External"/><Relationship Id="rId783" Type="http://schemas.openxmlformats.org/officeDocument/2006/relationships/hyperlink" Target="http://shop-masterinc.kz/photo/859.jpg" TargetMode="External"/><Relationship Id="rId990" Type="http://schemas.openxmlformats.org/officeDocument/2006/relationships/hyperlink" Target="http://shop-masterinc.kz/photo/7105.jpg" TargetMode="External"/><Relationship Id="rId1427" Type="http://schemas.openxmlformats.org/officeDocument/2006/relationships/hyperlink" Target="http://shop-masterinc.kz/photo/10148.jpg" TargetMode="External"/><Relationship Id="rId1634" Type="http://schemas.openxmlformats.org/officeDocument/2006/relationships/hyperlink" Target="http://shop-masterinc.kz/photo/3732.jpg" TargetMode="External"/><Relationship Id="rId1841" Type="http://schemas.openxmlformats.org/officeDocument/2006/relationships/hyperlink" Target="http://shop-masterinc.kz/photo/7191.jpg" TargetMode="External"/><Relationship Id="rId229" Type="http://schemas.openxmlformats.org/officeDocument/2006/relationships/hyperlink" Target="http://shop-masterinc.kz/photo/5392.jpg" TargetMode="External"/><Relationship Id="rId436" Type="http://schemas.openxmlformats.org/officeDocument/2006/relationships/hyperlink" Target="http://shop-masterinc.kz/photo/4009.jpg" TargetMode="External"/><Relationship Id="rId643" Type="http://schemas.openxmlformats.org/officeDocument/2006/relationships/hyperlink" Target="http://shop-masterinc.kz/photo/949.jpg" TargetMode="External"/><Relationship Id="rId1066" Type="http://schemas.openxmlformats.org/officeDocument/2006/relationships/hyperlink" Target="http://shop-masterinc.kz/photo/9624.jpg" TargetMode="External"/><Relationship Id="rId1273" Type="http://schemas.openxmlformats.org/officeDocument/2006/relationships/hyperlink" Target="http://shop-masterinc.kz/photo/7022.jpg" TargetMode="External"/><Relationship Id="rId1480" Type="http://schemas.openxmlformats.org/officeDocument/2006/relationships/hyperlink" Target="http://shop-masterinc.kz/photo/7532.jpg" TargetMode="External"/><Relationship Id="rId1939" Type="http://schemas.openxmlformats.org/officeDocument/2006/relationships/hyperlink" Target="http://shop-masterinc.kz/photo/10125.jpg" TargetMode="External"/><Relationship Id="rId2117" Type="http://schemas.openxmlformats.org/officeDocument/2006/relationships/hyperlink" Target="http://shop-masterinc.kz/photo/9316.jpg" TargetMode="External"/><Relationship Id="rId850" Type="http://schemas.openxmlformats.org/officeDocument/2006/relationships/hyperlink" Target="http://shop-masterinc.kz/photo/4577.jpg" TargetMode="External"/><Relationship Id="rId948" Type="http://schemas.openxmlformats.org/officeDocument/2006/relationships/hyperlink" Target="http://shop-masterinc.kz/photo/8656.jpg" TargetMode="External"/><Relationship Id="rId1133" Type="http://schemas.openxmlformats.org/officeDocument/2006/relationships/hyperlink" Target="http://shop-masterinc.kz/photo/5373.jpg" TargetMode="External"/><Relationship Id="rId1578" Type="http://schemas.openxmlformats.org/officeDocument/2006/relationships/hyperlink" Target="http://shop-masterinc.kz/photo/8561.jpg" TargetMode="External"/><Relationship Id="rId1701" Type="http://schemas.openxmlformats.org/officeDocument/2006/relationships/hyperlink" Target="http://shop-masterinc.kz/photo/4960.jpg" TargetMode="External"/><Relationship Id="rId1785" Type="http://schemas.openxmlformats.org/officeDocument/2006/relationships/hyperlink" Target="http://shop-masterinc.kz/photo/5611.jpg" TargetMode="External"/><Relationship Id="rId1992" Type="http://schemas.openxmlformats.org/officeDocument/2006/relationships/hyperlink" Target="http://shop-masterinc.kz/photo/4186.jpg" TargetMode="External"/><Relationship Id="rId77" Type="http://schemas.openxmlformats.org/officeDocument/2006/relationships/hyperlink" Target="http://shop-masterinc.kz/photo/10180.jpg" TargetMode="External"/><Relationship Id="rId282" Type="http://schemas.openxmlformats.org/officeDocument/2006/relationships/hyperlink" Target="http://shop-masterinc.kz/photo/62.jpg" TargetMode="External"/><Relationship Id="rId503" Type="http://schemas.openxmlformats.org/officeDocument/2006/relationships/hyperlink" Target="http://shop-masterinc.kz/photo/5693.jpg" TargetMode="External"/><Relationship Id="rId587" Type="http://schemas.openxmlformats.org/officeDocument/2006/relationships/hyperlink" Target="http://shop-masterinc.kz/photo/9368.jpg" TargetMode="External"/><Relationship Id="rId710" Type="http://schemas.openxmlformats.org/officeDocument/2006/relationships/hyperlink" Target="http://shop-masterinc.kz/photo/6866.jpg" TargetMode="External"/><Relationship Id="rId808" Type="http://schemas.openxmlformats.org/officeDocument/2006/relationships/hyperlink" Target="http://shop-masterinc.kz/photo/5673.jpg" TargetMode="External"/><Relationship Id="rId1340" Type="http://schemas.openxmlformats.org/officeDocument/2006/relationships/hyperlink" Target="http://shop-masterinc.kz/photo/9693.jpg" TargetMode="External"/><Relationship Id="rId1438" Type="http://schemas.openxmlformats.org/officeDocument/2006/relationships/hyperlink" Target="http://shop-masterinc.kz/photo/7196.jpg" TargetMode="External"/><Relationship Id="rId1645" Type="http://schemas.openxmlformats.org/officeDocument/2006/relationships/hyperlink" Target="http://shop-masterinc.kz/photo/8538.jpg" TargetMode="External"/><Relationship Id="rId8" Type="http://schemas.openxmlformats.org/officeDocument/2006/relationships/hyperlink" Target="http://shop-masterinc.kz/photo/6451.jpg" TargetMode="External"/><Relationship Id="rId142" Type="http://schemas.openxmlformats.org/officeDocument/2006/relationships/hyperlink" Target="http://shop-masterinc.kz/photo/8220.jpg" TargetMode="External"/><Relationship Id="rId447" Type="http://schemas.openxmlformats.org/officeDocument/2006/relationships/hyperlink" Target="http://shop-masterinc.kz/photo/9616.jpg" TargetMode="External"/><Relationship Id="rId794" Type="http://schemas.openxmlformats.org/officeDocument/2006/relationships/hyperlink" Target="http://shop-masterinc.kz/photo/7645.jpg" TargetMode="External"/><Relationship Id="rId1077" Type="http://schemas.openxmlformats.org/officeDocument/2006/relationships/hyperlink" Target="http://shop-masterinc.kz/photo/9691.jpg" TargetMode="External"/><Relationship Id="rId1200" Type="http://schemas.openxmlformats.org/officeDocument/2006/relationships/hyperlink" Target="http://shop-masterinc.kz/photo/3813.jpg" TargetMode="External"/><Relationship Id="rId1852" Type="http://schemas.openxmlformats.org/officeDocument/2006/relationships/hyperlink" Target="http://shop-masterinc.kz/photo/7515.jpg" TargetMode="External"/><Relationship Id="rId2030" Type="http://schemas.openxmlformats.org/officeDocument/2006/relationships/hyperlink" Target="http://shop-masterinc.kz/photo/4396.jpg" TargetMode="External"/><Relationship Id="rId2128" Type="http://schemas.openxmlformats.org/officeDocument/2006/relationships/hyperlink" Target="http://shop-masterinc.kz/photo/9317.jpg" TargetMode="External"/><Relationship Id="rId654" Type="http://schemas.openxmlformats.org/officeDocument/2006/relationships/hyperlink" Target="http://shop-masterinc.kz/photo/826.jpg" TargetMode="External"/><Relationship Id="rId861" Type="http://schemas.openxmlformats.org/officeDocument/2006/relationships/hyperlink" Target="http://shop-masterinc.kz/photo/8652.jpg" TargetMode="External"/><Relationship Id="rId959" Type="http://schemas.openxmlformats.org/officeDocument/2006/relationships/hyperlink" Target="http://shop-masterinc.kz/photo/10159.jpg" TargetMode="External"/><Relationship Id="rId1284" Type="http://schemas.openxmlformats.org/officeDocument/2006/relationships/hyperlink" Target="http://shop-masterinc.kz/photo/8205.jpg" TargetMode="External"/><Relationship Id="rId1491" Type="http://schemas.openxmlformats.org/officeDocument/2006/relationships/hyperlink" Target="http://shop-masterinc.kz/photo/9070.jpg" TargetMode="External"/><Relationship Id="rId1505" Type="http://schemas.openxmlformats.org/officeDocument/2006/relationships/hyperlink" Target="http://shop-masterinc.kz/photo/9085.jpg" TargetMode="External"/><Relationship Id="rId1589" Type="http://schemas.openxmlformats.org/officeDocument/2006/relationships/hyperlink" Target="http://shop-masterinc.kz/photo/7777.jpg" TargetMode="External"/><Relationship Id="rId1712" Type="http://schemas.openxmlformats.org/officeDocument/2006/relationships/hyperlink" Target="http://shop-masterinc.kz/photo/8947.jpg" TargetMode="External"/><Relationship Id="rId293" Type="http://schemas.openxmlformats.org/officeDocument/2006/relationships/hyperlink" Target="http://shop-masterinc.kz/photo/6925.jpg" TargetMode="External"/><Relationship Id="rId307" Type="http://schemas.openxmlformats.org/officeDocument/2006/relationships/hyperlink" Target="http://shop-masterinc.kz/photo/4876.jpg" TargetMode="External"/><Relationship Id="rId514" Type="http://schemas.openxmlformats.org/officeDocument/2006/relationships/hyperlink" Target="http://shop-masterinc.kz/photo/10322.jpg" TargetMode="External"/><Relationship Id="rId721" Type="http://schemas.openxmlformats.org/officeDocument/2006/relationships/hyperlink" Target="http://shop-masterinc.kz/photo/3379.jpg" TargetMode="External"/><Relationship Id="rId1144" Type="http://schemas.openxmlformats.org/officeDocument/2006/relationships/hyperlink" Target="http://shop-masterinc.kz/photo/61.jpg" TargetMode="External"/><Relationship Id="rId1351" Type="http://schemas.openxmlformats.org/officeDocument/2006/relationships/hyperlink" Target="http://shop-masterinc.kz/photo/4202.jpg" TargetMode="External"/><Relationship Id="rId1449" Type="http://schemas.openxmlformats.org/officeDocument/2006/relationships/hyperlink" Target="http://shop-masterinc.kz/photo/736.jpg" TargetMode="External"/><Relationship Id="rId1796" Type="http://schemas.openxmlformats.org/officeDocument/2006/relationships/hyperlink" Target="http://shop-masterinc.kz/photo/9705.jpg" TargetMode="External"/><Relationship Id="rId88" Type="http://schemas.openxmlformats.org/officeDocument/2006/relationships/hyperlink" Target="http://shop-masterinc.kz/photo/7483.jpg" TargetMode="External"/><Relationship Id="rId153" Type="http://schemas.openxmlformats.org/officeDocument/2006/relationships/hyperlink" Target="http://shop-masterinc.kz/photo/7741.jpg" TargetMode="External"/><Relationship Id="rId360" Type="http://schemas.openxmlformats.org/officeDocument/2006/relationships/hyperlink" Target="http://shop-masterinc.kz/photo/7996.jpg" TargetMode="External"/><Relationship Id="rId598" Type="http://schemas.openxmlformats.org/officeDocument/2006/relationships/hyperlink" Target="http://shop-masterinc.kz/photo/580.jpg" TargetMode="External"/><Relationship Id="rId819" Type="http://schemas.openxmlformats.org/officeDocument/2006/relationships/hyperlink" Target="http://shop-masterinc.kz/photo/5296.jpg" TargetMode="External"/><Relationship Id="rId1004" Type="http://schemas.openxmlformats.org/officeDocument/2006/relationships/hyperlink" Target="http://shop-masterinc.kz/photo/8104.jpg" TargetMode="External"/><Relationship Id="rId1211" Type="http://schemas.openxmlformats.org/officeDocument/2006/relationships/hyperlink" Target="http://shop-masterinc.kz/photo/4181.jpg" TargetMode="External"/><Relationship Id="rId1656" Type="http://schemas.openxmlformats.org/officeDocument/2006/relationships/hyperlink" Target="http://shop-masterinc.kz/photo/10217.jpg" TargetMode="External"/><Relationship Id="rId1863" Type="http://schemas.openxmlformats.org/officeDocument/2006/relationships/hyperlink" Target="http://shop-masterinc.kz/photo/6056.jpg" TargetMode="External"/><Relationship Id="rId2041" Type="http://schemas.openxmlformats.org/officeDocument/2006/relationships/hyperlink" Target="http://shop-masterinc.kz/photo/3040.jpg" TargetMode="External"/><Relationship Id="rId220" Type="http://schemas.openxmlformats.org/officeDocument/2006/relationships/hyperlink" Target="http://shop-masterinc.kz/photo/1372.jpg" TargetMode="External"/><Relationship Id="rId458" Type="http://schemas.openxmlformats.org/officeDocument/2006/relationships/hyperlink" Target="http://shop-masterinc.kz/photo/1759.jpg" TargetMode="External"/><Relationship Id="rId665" Type="http://schemas.openxmlformats.org/officeDocument/2006/relationships/hyperlink" Target="http://shop-masterinc.kz/photo/6882.jpg" TargetMode="External"/><Relationship Id="rId872" Type="http://schemas.openxmlformats.org/officeDocument/2006/relationships/hyperlink" Target="http://shop-masterinc.kz/photo/7354.jpg" TargetMode="External"/><Relationship Id="rId1088" Type="http://schemas.openxmlformats.org/officeDocument/2006/relationships/hyperlink" Target="http://shop-masterinc.kz/photo/8677.jpg" TargetMode="External"/><Relationship Id="rId1295" Type="http://schemas.openxmlformats.org/officeDocument/2006/relationships/hyperlink" Target="http://shop-masterinc.kz/photo/5505.jpg" TargetMode="External"/><Relationship Id="rId1309" Type="http://schemas.openxmlformats.org/officeDocument/2006/relationships/hyperlink" Target="http://shop-masterinc.kz/photo/3692.jpg" TargetMode="External"/><Relationship Id="rId1516" Type="http://schemas.openxmlformats.org/officeDocument/2006/relationships/hyperlink" Target="http://shop-masterinc.kz/photo/10091.jpg" TargetMode="External"/><Relationship Id="rId1723" Type="http://schemas.openxmlformats.org/officeDocument/2006/relationships/hyperlink" Target="http://shop-masterinc.kz/photo/7003.jpg" TargetMode="External"/><Relationship Id="rId1930" Type="http://schemas.openxmlformats.org/officeDocument/2006/relationships/hyperlink" Target="http://shop-masterinc.kz/photo/9120.jpg" TargetMode="External"/><Relationship Id="rId2139" Type="http://schemas.openxmlformats.org/officeDocument/2006/relationships/hyperlink" Target="http://shop-masterinc.kz/photo/9375.jpg" TargetMode="External"/><Relationship Id="rId15" Type="http://schemas.openxmlformats.org/officeDocument/2006/relationships/hyperlink" Target="http://shop-masterinc.kz/photo/7783.jpg" TargetMode="External"/><Relationship Id="rId318" Type="http://schemas.openxmlformats.org/officeDocument/2006/relationships/hyperlink" Target="http://shop-masterinc.kz/photo/5873.jpg" TargetMode="External"/><Relationship Id="rId525" Type="http://schemas.openxmlformats.org/officeDocument/2006/relationships/hyperlink" Target="http://shop-masterinc.kz/photo/1408.jpg" TargetMode="External"/><Relationship Id="rId732" Type="http://schemas.openxmlformats.org/officeDocument/2006/relationships/hyperlink" Target="http://shop-masterinc.kz/photo/4650.jpg" TargetMode="External"/><Relationship Id="rId1155" Type="http://schemas.openxmlformats.org/officeDocument/2006/relationships/hyperlink" Target="http://shop-masterinc.kz/photo/4649.jpg" TargetMode="External"/><Relationship Id="rId1362" Type="http://schemas.openxmlformats.org/officeDocument/2006/relationships/hyperlink" Target="http://shop-masterinc.kz/photo/4703.jpg" TargetMode="External"/><Relationship Id="rId99" Type="http://schemas.openxmlformats.org/officeDocument/2006/relationships/hyperlink" Target="http://shop-masterinc.kz/photo/7842.jpg" TargetMode="External"/><Relationship Id="rId164" Type="http://schemas.openxmlformats.org/officeDocument/2006/relationships/hyperlink" Target="http://shop-masterinc.kz/photo/8619.jpg" TargetMode="External"/><Relationship Id="rId371" Type="http://schemas.openxmlformats.org/officeDocument/2006/relationships/hyperlink" Target="http://shop-masterinc.kz/photo/6367.jpg" TargetMode="External"/><Relationship Id="rId1015" Type="http://schemas.openxmlformats.org/officeDocument/2006/relationships/hyperlink" Target="http://shop-masterinc.kz/photo/7495.jpg" TargetMode="External"/><Relationship Id="rId1222" Type="http://schemas.openxmlformats.org/officeDocument/2006/relationships/hyperlink" Target="http://shop-masterinc.kz/photo/96.jpg" TargetMode="External"/><Relationship Id="rId1667" Type="http://schemas.openxmlformats.org/officeDocument/2006/relationships/hyperlink" Target="http://shop-masterinc.kz/photo/7447.jpg" TargetMode="External"/><Relationship Id="rId1874" Type="http://schemas.openxmlformats.org/officeDocument/2006/relationships/hyperlink" Target="http://shop-masterinc.kz/photo/8763.jpg" TargetMode="External"/><Relationship Id="rId2052" Type="http://schemas.openxmlformats.org/officeDocument/2006/relationships/hyperlink" Target="http://shop-masterinc.kz/photo/690.jpg" TargetMode="External"/><Relationship Id="rId469" Type="http://schemas.openxmlformats.org/officeDocument/2006/relationships/hyperlink" Target="http://shop-masterinc.kz/photo/7859.jpg" TargetMode="External"/><Relationship Id="rId676" Type="http://schemas.openxmlformats.org/officeDocument/2006/relationships/hyperlink" Target="http://shop-masterinc.kz/photo/5309.jpg" TargetMode="External"/><Relationship Id="rId883" Type="http://schemas.openxmlformats.org/officeDocument/2006/relationships/hyperlink" Target="http://shop-masterinc.kz/photo/6844.jpg" TargetMode="External"/><Relationship Id="rId1099" Type="http://schemas.openxmlformats.org/officeDocument/2006/relationships/hyperlink" Target="http://shop-masterinc.kz/photo/3115.jpg" TargetMode="External"/><Relationship Id="rId1527" Type="http://schemas.openxmlformats.org/officeDocument/2006/relationships/hyperlink" Target="http://shop-masterinc.kz/photo/7205.jpg" TargetMode="External"/><Relationship Id="rId1734" Type="http://schemas.openxmlformats.org/officeDocument/2006/relationships/hyperlink" Target="http://shop-masterinc.kz/photo/5159.jpg" TargetMode="External"/><Relationship Id="rId1941" Type="http://schemas.openxmlformats.org/officeDocument/2006/relationships/hyperlink" Target="http://shop-masterinc.kz/photo/10127.jpg" TargetMode="External"/><Relationship Id="rId26" Type="http://schemas.openxmlformats.org/officeDocument/2006/relationships/hyperlink" Target="http://shop-masterinc.kz/photo/6498.jpg" TargetMode="External"/><Relationship Id="rId231" Type="http://schemas.openxmlformats.org/officeDocument/2006/relationships/hyperlink" Target="http://shop-masterinc.kz/photo/9305.jpg" TargetMode="External"/><Relationship Id="rId329" Type="http://schemas.openxmlformats.org/officeDocument/2006/relationships/hyperlink" Target="http://shop-masterinc.kz/photo/4839.jpg" TargetMode="External"/><Relationship Id="rId536" Type="http://schemas.openxmlformats.org/officeDocument/2006/relationships/hyperlink" Target="http://shop-masterinc.kz/photo/7528.jpg" TargetMode="External"/><Relationship Id="rId1166" Type="http://schemas.openxmlformats.org/officeDocument/2006/relationships/hyperlink" Target="http://shop-masterinc.kz/photo/3404.jpg" TargetMode="External"/><Relationship Id="rId1373" Type="http://schemas.openxmlformats.org/officeDocument/2006/relationships/hyperlink" Target="http://shop-masterinc.kz/photo/1266.jpg" TargetMode="External"/><Relationship Id="rId175" Type="http://schemas.openxmlformats.org/officeDocument/2006/relationships/hyperlink" Target="http://shop-masterinc.kz/photo/8520.jpg" TargetMode="External"/><Relationship Id="rId743" Type="http://schemas.openxmlformats.org/officeDocument/2006/relationships/hyperlink" Target="http://shop-masterinc.kz/photo/8707.jpg" TargetMode="External"/><Relationship Id="rId950" Type="http://schemas.openxmlformats.org/officeDocument/2006/relationships/hyperlink" Target="http://shop-masterinc.kz/photo/874.jpg" TargetMode="External"/><Relationship Id="rId1026" Type="http://schemas.openxmlformats.org/officeDocument/2006/relationships/hyperlink" Target="http://shop-masterinc.kz/photo/7109.jpg" TargetMode="External"/><Relationship Id="rId1580" Type="http://schemas.openxmlformats.org/officeDocument/2006/relationships/hyperlink" Target="http://shop-masterinc.kz/photo/8454.jpg" TargetMode="External"/><Relationship Id="rId1678" Type="http://schemas.openxmlformats.org/officeDocument/2006/relationships/hyperlink" Target="http://shop-masterinc.kz/photo/6193.jpg" TargetMode="External"/><Relationship Id="rId1801" Type="http://schemas.openxmlformats.org/officeDocument/2006/relationships/hyperlink" Target="http://shop-masterinc.kz/photo/9914.jpg" TargetMode="External"/><Relationship Id="rId1885" Type="http://schemas.openxmlformats.org/officeDocument/2006/relationships/hyperlink" Target="http://shop-masterinc.kz/photo/7792.jpg" TargetMode="External"/><Relationship Id="rId382" Type="http://schemas.openxmlformats.org/officeDocument/2006/relationships/hyperlink" Target="http://shop-masterinc.kz/photo/7559.jpg" TargetMode="External"/><Relationship Id="rId603" Type="http://schemas.openxmlformats.org/officeDocument/2006/relationships/hyperlink" Target="http://shop-masterinc.kz/photo/7450.jpg" TargetMode="External"/><Relationship Id="rId687" Type="http://schemas.openxmlformats.org/officeDocument/2006/relationships/hyperlink" Target="http://shop-masterinc.kz/photo/4874.jpg" TargetMode="External"/><Relationship Id="rId810" Type="http://schemas.openxmlformats.org/officeDocument/2006/relationships/hyperlink" Target="http://shop-masterinc.kz/photo/1418.jpg" TargetMode="External"/><Relationship Id="rId908" Type="http://schemas.openxmlformats.org/officeDocument/2006/relationships/hyperlink" Target="http://shop-masterinc.kz/photo/3547.jpg" TargetMode="External"/><Relationship Id="rId1233" Type="http://schemas.openxmlformats.org/officeDocument/2006/relationships/hyperlink" Target="http://shop-masterinc.kz/photo/1233.jpg" TargetMode="External"/><Relationship Id="rId1440" Type="http://schemas.openxmlformats.org/officeDocument/2006/relationships/hyperlink" Target="http://shop-masterinc.kz/photo/9868.jpg" TargetMode="External"/><Relationship Id="rId1538" Type="http://schemas.openxmlformats.org/officeDocument/2006/relationships/hyperlink" Target="http://shop-masterinc.kz/photo/7093.jpg" TargetMode="External"/><Relationship Id="rId2063" Type="http://schemas.openxmlformats.org/officeDocument/2006/relationships/hyperlink" Target="http://shop-masterinc.kz/photo/10324.jpg" TargetMode="External"/><Relationship Id="rId242" Type="http://schemas.openxmlformats.org/officeDocument/2006/relationships/hyperlink" Target="http://shop-masterinc.kz/photo/9400.jpg" TargetMode="External"/><Relationship Id="rId894" Type="http://schemas.openxmlformats.org/officeDocument/2006/relationships/hyperlink" Target="http://shop-masterinc.kz/photo/3508.jpg" TargetMode="External"/><Relationship Id="rId1177" Type="http://schemas.openxmlformats.org/officeDocument/2006/relationships/hyperlink" Target="http://shop-masterinc.kz/photo/4885.jpg" TargetMode="External"/><Relationship Id="rId1300" Type="http://schemas.openxmlformats.org/officeDocument/2006/relationships/hyperlink" Target="http://shop-masterinc.kz/photo/1710.jpg" TargetMode="External"/><Relationship Id="rId1745" Type="http://schemas.openxmlformats.org/officeDocument/2006/relationships/hyperlink" Target="http://shop-masterinc.kz/photo/5491.jpg" TargetMode="External"/><Relationship Id="rId1952" Type="http://schemas.openxmlformats.org/officeDocument/2006/relationships/hyperlink" Target="http://shop-masterinc.kz/photo/9122.jpg" TargetMode="External"/><Relationship Id="rId2130" Type="http://schemas.openxmlformats.org/officeDocument/2006/relationships/hyperlink" Target="http://shop-masterinc.kz/photo/10300.jpg" TargetMode="External"/><Relationship Id="rId37" Type="http://schemas.openxmlformats.org/officeDocument/2006/relationships/hyperlink" Target="http://shop-masterinc.kz/photo/7263.jpg" TargetMode="External"/><Relationship Id="rId102" Type="http://schemas.openxmlformats.org/officeDocument/2006/relationships/hyperlink" Target="http://shop-masterinc.kz/photo/7843.jpg" TargetMode="External"/><Relationship Id="rId547" Type="http://schemas.openxmlformats.org/officeDocument/2006/relationships/hyperlink" Target="http://shop-masterinc.kz/photo/7245.jpg" TargetMode="External"/><Relationship Id="rId754" Type="http://schemas.openxmlformats.org/officeDocument/2006/relationships/hyperlink" Target="http://shop-masterinc.kz/photo/8945.jpg" TargetMode="External"/><Relationship Id="rId961" Type="http://schemas.openxmlformats.org/officeDocument/2006/relationships/hyperlink" Target="http://shop-masterinc.kz/photo/10161.jpg" TargetMode="External"/><Relationship Id="rId1384" Type="http://schemas.openxmlformats.org/officeDocument/2006/relationships/hyperlink" Target="http://shop-masterinc.kz/photo/6512.jpg" TargetMode="External"/><Relationship Id="rId1591" Type="http://schemas.openxmlformats.org/officeDocument/2006/relationships/hyperlink" Target="http://shop-masterinc.kz/photo/8452.jpg" TargetMode="External"/><Relationship Id="rId1605" Type="http://schemas.openxmlformats.org/officeDocument/2006/relationships/hyperlink" Target="http://shop-masterinc.kz/photo/7004.jpg" TargetMode="External"/><Relationship Id="rId1689" Type="http://schemas.openxmlformats.org/officeDocument/2006/relationships/hyperlink" Target="http://shop-masterinc.kz/photo/4957.jpg" TargetMode="External"/><Relationship Id="rId1812" Type="http://schemas.openxmlformats.org/officeDocument/2006/relationships/hyperlink" Target="http://shop-masterinc.kz/photo/9990.jpg" TargetMode="External"/><Relationship Id="rId90" Type="http://schemas.openxmlformats.org/officeDocument/2006/relationships/hyperlink" Target="http://shop-masterinc.kz/photo/9988.jpg" TargetMode="External"/><Relationship Id="rId186" Type="http://schemas.openxmlformats.org/officeDocument/2006/relationships/hyperlink" Target="http://shop-masterinc.kz/photo/7765.jpg" TargetMode="External"/><Relationship Id="rId393" Type="http://schemas.openxmlformats.org/officeDocument/2006/relationships/hyperlink" Target="http://shop-masterinc.kz/photo/1037.jpg" TargetMode="External"/><Relationship Id="rId407" Type="http://schemas.openxmlformats.org/officeDocument/2006/relationships/hyperlink" Target="http://shop-masterinc.kz/photo/886.jpg" TargetMode="External"/><Relationship Id="rId614" Type="http://schemas.openxmlformats.org/officeDocument/2006/relationships/hyperlink" Target="http://shop-masterinc.kz/photo/576.jpg" TargetMode="External"/><Relationship Id="rId821" Type="http://schemas.openxmlformats.org/officeDocument/2006/relationships/hyperlink" Target="http://shop-masterinc.kz/photo/3243.jpg" TargetMode="External"/><Relationship Id="rId1037" Type="http://schemas.openxmlformats.org/officeDocument/2006/relationships/hyperlink" Target="http://shop-masterinc.kz/photo/5790.jpg" TargetMode="External"/><Relationship Id="rId1244" Type="http://schemas.openxmlformats.org/officeDocument/2006/relationships/hyperlink" Target="http://shop-masterinc.kz/photo/6516.jpg" TargetMode="External"/><Relationship Id="rId1451" Type="http://schemas.openxmlformats.org/officeDocument/2006/relationships/hyperlink" Target="http://shop-masterinc.kz/photo/3499.jpg" TargetMode="External"/><Relationship Id="rId1896" Type="http://schemas.openxmlformats.org/officeDocument/2006/relationships/hyperlink" Target="http://shop-masterinc.kz/photo/10338.jpg" TargetMode="External"/><Relationship Id="rId2074" Type="http://schemas.openxmlformats.org/officeDocument/2006/relationships/hyperlink" Target="http://shop-masterinc.kz/photo/10121.jpg" TargetMode="External"/><Relationship Id="rId253" Type="http://schemas.openxmlformats.org/officeDocument/2006/relationships/hyperlink" Target="http://shop-masterinc.kz/photo/7436.jpg" TargetMode="External"/><Relationship Id="rId460" Type="http://schemas.openxmlformats.org/officeDocument/2006/relationships/hyperlink" Target="http://shop-masterinc.kz/photo/3907.jpg" TargetMode="External"/><Relationship Id="rId698" Type="http://schemas.openxmlformats.org/officeDocument/2006/relationships/hyperlink" Target="http://shop-masterinc.kz/photo/872.jpg" TargetMode="External"/><Relationship Id="rId919" Type="http://schemas.openxmlformats.org/officeDocument/2006/relationships/hyperlink" Target="http://shop-masterinc.kz/photo/6848.jpg" TargetMode="External"/><Relationship Id="rId1090" Type="http://schemas.openxmlformats.org/officeDocument/2006/relationships/hyperlink" Target="http://shop-masterinc.kz/photo/9014.jpg" TargetMode="External"/><Relationship Id="rId1104" Type="http://schemas.openxmlformats.org/officeDocument/2006/relationships/hyperlink" Target="http://shop-masterinc.kz/photo/4954.jpg" TargetMode="External"/><Relationship Id="rId1311" Type="http://schemas.openxmlformats.org/officeDocument/2006/relationships/hyperlink" Target="http://shop-masterinc.kz/photo/4844.jpg" TargetMode="External"/><Relationship Id="rId1549" Type="http://schemas.openxmlformats.org/officeDocument/2006/relationships/hyperlink" Target="http://shop-masterinc.kz/photo/4615.jpg" TargetMode="External"/><Relationship Id="rId1756" Type="http://schemas.openxmlformats.org/officeDocument/2006/relationships/hyperlink" Target="http://shop-masterinc.kz/photo/1700.jpg" TargetMode="External"/><Relationship Id="rId1963" Type="http://schemas.openxmlformats.org/officeDocument/2006/relationships/hyperlink" Target="http://shop-masterinc.kz/photo/7918.jpg" TargetMode="External"/><Relationship Id="rId2141" Type="http://schemas.openxmlformats.org/officeDocument/2006/relationships/hyperlink" Target="http://shop-masterinc.kz/photo/9577.jpg" TargetMode="External"/><Relationship Id="rId48" Type="http://schemas.openxmlformats.org/officeDocument/2006/relationships/hyperlink" Target="http://shop-masterinc.kz/photo/10186.jpg" TargetMode="External"/><Relationship Id="rId113" Type="http://schemas.openxmlformats.org/officeDocument/2006/relationships/hyperlink" Target="http://shop-masterinc.kz/photo/8126.jpg" TargetMode="External"/><Relationship Id="rId320" Type="http://schemas.openxmlformats.org/officeDocument/2006/relationships/hyperlink" Target="http://shop-masterinc.kz/photo/3725.jpg" TargetMode="External"/><Relationship Id="rId558" Type="http://schemas.openxmlformats.org/officeDocument/2006/relationships/hyperlink" Target="http://shop-masterinc.kz/photo/6973.jpg" TargetMode="External"/><Relationship Id="rId765" Type="http://schemas.openxmlformats.org/officeDocument/2006/relationships/hyperlink" Target="http://shop-masterinc.kz/photo/7966.jpg" TargetMode="External"/><Relationship Id="rId972" Type="http://schemas.openxmlformats.org/officeDocument/2006/relationships/hyperlink" Target="http://shop-masterinc.kz/photo/4237.jpg" TargetMode="External"/><Relationship Id="rId1188" Type="http://schemas.openxmlformats.org/officeDocument/2006/relationships/hyperlink" Target="http://shop-masterinc.kz/photo/3880.jpg" TargetMode="External"/><Relationship Id="rId1395" Type="http://schemas.openxmlformats.org/officeDocument/2006/relationships/hyperlink" Target="http://shop-masterinc.kz/photo/6529.jpg" TargetMode="External"/><Relationship Id="rId1409" Type="http://schemas.openxmlformats.org/officeDocument/2006/relationships/hyperlink" Target="http://shop-masterinc.kz/photo/8441.jpg" TargetMode="External"/><Relationship Id="rId1616" Type="http://schemas.openxmlformats.org/officeDocument/2006/relationships/hyperlink" Target="http://shop-masterinc.kz/photo/767.jpg" TargetMode="External"/><Relationship Id="rId1823" Type="http://schemas.openxmlformats.org/officeDocument/2006/relationships/hyperlink" Target="http://shop-masterinc.kz/photo/10084.jpg" TargetMode="External"/><Relationship Id="rId2001" Type="http://schemas.openxmlformats.org/officeDocument/2006/relationships/hyperlink" Target="http://shop-masterinc.kz/photo/623.jpg" TargetMode="External"/><Relationship Id="rId197" Type="http://schemas.openxmlformats.org/officeDocument/2006/relationships/hyperlink" Target="http://shop-masterinc.kz/photo/9330.jpg" TargetMode="External"/><Relationship Id="rId418" Type="http://schemas.openxmlformats.org/officeDocument/2006/relationships/hyperlink" Target="http://shop-masterinc.kz/photo/6188.jpg" TargetMode="External"/><Relationship Id="rId625" Type="http://schemas.openxmlformats.org/officeDocument/2006/relationships/hyperlink" Target="http://shop-masterinc.kz/photo/579.jpg" TargetMode="External"/><Relationship Id="rId832" Type="http://schemas.openxmlformats.org/officeDocument/2006/relationships/hyperlink" Target="http://shop-masterinc.kz/photo/7654.jpg" TargetMode="External"/><Relationship Id="rId1048" Type="http://schemas.openxmlformats.org/officeDocument/2006/relationships/hyperlink" Target="http://shop-masterinc.kz/photo/3441.jpg" TargetMode="External"/><Relationship Id="rId1255" Type="http://schemas.openxmlformats.org/officeDocument/2006/relationships/hyperlink" Target="http://shop-masterinc.kz/photo/8761.jpg" TargetMode="External"/><Relationship Id="rId1462" Type="http://schemas.openxmlformats.org/officeDocument/2006/relationships/hyperlink" Target="http://shop-masterinc.kz/photo/5527.jpg" TargetMode="External"/><Relationship Id="rId2085" Type="http://schemas.openxmlformats.org/officeDocument/2006/relationships/hyperlink" Target="http://shop-masterinc.kz/photo/10164.jpg" TargetMode="External"/><Relationship Id="rId264" Type="http://schemas.openxmlformats.org/officeDocument/2006/relationships/hyperlink" Target="http://shop-masterinc.kz/photo/6364.jpg" TargetMode="External"/><Relationship Id="rId471" Type="http://schemas.openxmlformats.org/officeDocument/2006/relationships/hyperlink" Target="http://shop-masterinc.kz/photo/892.jpg" TargetMode="External"/><Relationship Id="rId1115" Type="http://schemas.openxmlformats.org/officeDocument/2006/relationships/hyperlink" Target="http://shop-masterinc.kz/photo/9931.jpg" TargetMode="External"/><Relationship Id="rId1322" Type="http://schemas.openxmlformats.org/officeDocument/2006/relationships/hyperlink" Target="http://shop-masterinc.kz/photo/3223.jpg" TargetMode="External"/><Relationship Id="rId1767" Type="http://schemas.openxmlformats.org/officeDocument/2006/relationships/hyperlink" Target="http://shop-masterinc.kz/photo/1535.jpg" TargetMode="External"/><Relationship Id="rId1974" Type="http://schemas.openxmlformats.org/officeDocument/2006/relationships/hyperlink" Target="http://shop-masterinc.kz/photo/8493.jpg" TargetMode="External"/><Relationship Id="rId2152" Type="http://schemas.openxmlformats.org/officeDocument/2006/relationships/hyperlink" Target="http://shop-masterinc.kz/photo/10312.jpg" TargetMode="External"/><Relationship Id="rId59" Type="http://schemas.openxmlformats.org/officeDocument/2006/relationships/hyperlink" Target="http://shop-masterinc.kz/photo/7473.jpg" TargetMode="External"/><Relationship Id="rId124" Type="http://schemas.openxmlformats.org/officeDocument/2006/relationships/hyperlink" Target="http://shop-masterinc.kz/photo/8379.jpg" TargetMode="External"/><Relationship Id="rId569" Type="http://schemas.openxmlformats.org/officeDocument/2006/relationships/hyperlink" Target="http://shop-masterinc.kz/photo/7379.jpg" TargetMode="External"/><Relationship Id="rId776" Type="http://schemas.openxmlformats.org/officeDocument/2006/relationships/hyperlink" Target="http://shop-masterinc.kz/photo/5668.jpg" TargetMode="External"/><Relationship Id="rId983" Type="http://schemas.openxmlformats.org/officeDocument/2006/relationships/hyperlink" Target="http://shop-masterinc.kz/photo/4356.jpg" TargetMode="External"/><Relationship Id="rId1199" Type="http://schemas.openxmlformats.org/officeDocument/2006/relationships/hyperlink" Target="http://shop-masterinc.kz/photo/896.jpg" TargetMode="External"/><Relationship Id="rId1627" Type="http://schemas.openxmlformats.org/officeDocument/2006/relationships/hyperlink" Target="http://shop-masterinc.kz/photo/4191.jpg" TargetMode="External"/><Relationship Id="rId1834" Type="http://schemas.openxmlformats.org/officeDocument/2006/relationships/hyperlink" Target="http://shop-masterinc.kz/photo/8845.jpg" TargetMode="External"/><Relationship Id="rId331" Type="http://schemas.openxmlformats.org/officeDocument/2006/relationships/hyperlink" Target="http://shop-masterinc.kz/photo/9709.jpg" TargetMode="External"/><Relationship Id="rId429" Type="http://schemas.openxmlformats.org/officeDocument/2006/relationships/hyperlink" Target="http://shop-masterinc.kz/photo/4424.jpg" TargetMode="External"/><Relationship Id="rId636" Type="http://schemas.openxmlformats.org/officeDocument/2006/relationships/hyperlink" Target="http://shop-masterinc.kz/photo/4996.jpg" TargetMode="External"/><Relationship Id="rId1059" Type="http://schemas.openxmlformats.org/officeDocument/2006/relationships/hyperlink" Target="http://shop-masterinc.kz/photo/4974.jpg" TargetMode="External"/><Relationship Id="rId1266" Type="http://schemas.openxmlformats.org/officeDocument/2006/relationships/hyperlink" Target="http://shop-masterinc.kz/photo/5265.jpg" TargetMode="External"/><Relationship Id="rId1473" Type="http://schemas.openxmlformats.org/officeDocument/2006/relationships/hyperlink" Target="http://shop-masterinc.kz/photo/6228.jpg" TargetMode="External"/><Relationship Id="rId2012" Type="http://schemas.openxmlformats.org/officeDocument/2006/relationships/hyperlink" Target="http://shop-masterinc.kz/photo/6522.jpg" TargetMode="External"/><Relationship Id="rId2096" Type="http://schemas.openxmlformats.org/officeDocument/2006/relationships/hyperlink" Target="http://shop-masterinc.kz/photo/10117.jpg" TargetMode="External"/><Relationship Id="rId843" Type="http://schemas.openxmlformats.org/officeDocument/2006/relationships/hyperlink" Target="http://shop-masterinc.kz/photo/3721.jpg" TargetMode="External"/><Relationship Id="rId1126" Type="http://schemas.openxmlformats.org/officeDocument/2006/relationships/hyperlink" Target="http://shop-masterinc.kz/photo/3311.jpg" TargetMode="External"/><Relationship Id="rId1680" Type="http://schemas.openxmlformats.org/officeDocument/2006/relationships/hyperlink" Target="http://shop-masterinc.kz/photo/9136.jpg" TargetMode="External"/><Relationship Id="rId1778" Type="http://schemas.openxmlformats.org/officeDocument/2006/relationships/hyperlink" Target="http://shop-masterinc.kz/photo/9722.jpg" TargetMode="External"/><Relationship Id="rId1901" Type="http://schemas.openxmlformats.org/officeDocument/2006/relationships/hyperlink" Target="http://shop-masterinc.kz/photo/10330.jpg" TargetMode="External"/><Relationship Id="rId1985" Type="http://schemas.openxmlformats.org/officeDocument/2006/relationships/hyperlink" Target="http://shop-masterinc.kz/photo/6537.jpg" TargetMode="External"/><Relationship Id="rId275" Type="http://schemas.openxmlformats.org/officeDocument/2006/relationships/hyperlink" Target="http://shop-masterinc.kz/photo/5546.jpg" TargetMode="External"/><Relationship Id="rId482" Type="http://schemas.openxmlformats.org/officeDocument/2006/relationships/hyperlink" Target="http://shop-masterinc.kz/photo/508.jpg" TargetMode="External"/><Relationship Id="rId703" Type="http://schemas.openxmlformats.org/officeDocument/2006/relationships/hyperlink" Target="http://shop-masterinc.kz/photo/8077.jpg" TargetMode="External"/><Relationship Id="rId910" Type="http://schemas.openxmlformats.org/officeDocument/2006/relationships/hyperlink" Target="http://shop-masterinc.kz/photo/3549.jpg" TargetMode="External"/><Relationship Id="rId1333" Type="http://schemas.openxmlformats.org/officeDocument/2006/relationships/hyperlink" Target="http://shop-masterinc.kz/photo/6869.jpg" TargetMode="External"/><Relationship Id="rId1540" Type="http://schemas.openxmlformats.org/officeDocument/2006/relationships/hyperlink" Target="http://shop-masterinc.kz/photo/9724.jpg" TargetMode="External"/><Relationship Id="rId1638" Type="http://schemas.openxmlformats.org/officeDocument/2006/relationships/hyperlink" Target="http://shop-masterinc.kz/photo/10212.jpg" TargetMode="External"/><Relationship Id="rId2163" Type="http://schemas.openxmlformats.org/officeDocument/2006/relationships/hyperlink" Target="http://shop-masterinc.kz/photo/5706.jpg" TargetMode="External"/><Relationship Id="rId135" Type="http://schemas.openxmlformats.org/officeDocument/2006/relationships/hyperlink" Target="http://shop-masterinc.kz/photo/7631.jpg" TargetMode="External"/><Relationship Id="rId342" Type="http://schemas.openxmlformats.org/officeDocument/2006/relationships/hyperlink" Target="http://shop-masterinc.kz/photo/8363.jpg" TargetMode="External"/><Relationship Id="rId787" Type="http://schemas.openxmlformats.org/officeDocument/2006/relationships/hyperlink" Target="http://shop-masterinc.kz/photo/4335.jpg" TargetMode="External"/><Relationship Id="rId994" Type="http://schemas.openxmlformats.org/officeDocument/2006/relationships/hyperlink" Target="http://shop-masterinc.kz/photo/7475.jpg" TargetMode="External"/><Relationship Id="rId1400" Type="http://schemas.openxmlformats.org/officeDocument/2006/relationships/hyperlink" Target="http://shop-masterinc.kz/photo/6003.jpg" TargetMode="External"/><Relationship Id="rId1845" Type="http://schemas.openxmlformats.org/officeDocument/2006/relationships/hyperlink" Target="http://shop-masterinc.kz/photo/9114.jpg" TargetMode="External"/><Relationship Id="rId2023" Type="http://schemas.openxmlformats.org/officeDocument/2006/relationships/hyperlink" Target="http://shop-masterinc.kz/photo/4739.jpg" TargetMode="External"/><Relationship Id="rId202" Type="http://schemas.openxmlformats.org/officeDocument/2006/relationships/hyperlink" Target="http://shop-masterinc.kz/photo/4773.jpg" TargetMode="External"/><Relationship Id="rId647" Type="http://schemas.openxmlformats.org/officeDocument/2006/relationships/hyperlink" Target="http://shop-masterinc.kz/photo/5083.jpg" TargetMode="External"/><Relationship Id="rId854" Type="http://schemas.openxmlformats.org/officeDocument/2006/relationships/hyperlink" Target="http://shop-masterinc.kz/photo/3145.jpg" TargetMode="External"/><Relationship Id="rId1277" Type="http://schemas.openxmlformats.org/officeDocument/2006/relationships/hyperlink" Target="http://shop-masterinc.kz/photo/7018.jpg" TargetMode="External"/><Relationship Id="rId1484" Type="http://schemas.openxmlformats.org/officeDocument/2006/relationships/hyperlink" Target="http://shop-masterinc.kz/photo/7862.jpg" TargetMode="External"/><Relationship Id="rId1691" Type="http://schemas.openxmlformats.org/officeDocument/2006/relationships/hyperlink" Target="http://shop-masterinc.kz/photo/6210.jpg" TargetMode="External"/><Relationship Id="rId1705" Type="http://schemas.openxmlformats.org/officeDocument/2006/relationships/hyperlink" Target="http://shop-masterinc.kz/photo/6539.jpg" TargetMode="External"/><Relationship Id="rId1912" Type="http://schemas.openxmlformats.org/officeDocument/2006/relationships/hyperlink" Target="http://shop-masterinc.kz/photo/8881.jpg" TargetMode="External"/><Relationship Id="rId286" Type="http://schemas.openxmlformats.org/officeDocument/2006/relationships/hyperlink" Target="http://shop-masterinc.kz/photo/5538.jpg" TargetMode="External"/><Relationship Id="rId493" Type="http://schemas.openxmlformats.org/officeDocument/2006/relationships/hyperlink" Target="http://shop-masterinc.kz/photo/7497.jpg" TargetMode="External"/><Relationship Id="rId507" Type="http://schemas.openxmlformats.org/officeDocument/2006/relationships/hyperlink" Target="http://shop-masterinc.kz/photo/1788.jpg" TargetMode="External"/><Relationship Id="rId714" Type="http://schemas.openxmlformats.org/officeDocument/2006/relationships/hyperlink" Target="http://shop-masterinc.kz/photo/9326.jpg" TargetMode="External"/><Relationship Id="rId921" Type="http://schemas.openxmlformats.org/officeDocument/2006/relationships/hyperlink" Target="http://shop-masterinc.kz/photo/136.jpg" TargetMode="External"/><Relationship Id="rId1137" Type="http://schemas.openxmlformats.org/officeDocument/2006/relationships/hyperlink" Target="http://shop-masterinc.kz/photo/5422.jpg" TargetMode="External"/><Relationship Id="rId1344" Type="http://schemas.openxmlformats.org/officeDocument/2006/relationships/hyperlink" Target="http://shop-masterinc.kz/photo/8919.jpg" TargetMode="External"/><Relationship Id="rId1551" Type="http://schemas.openxmlformats.org/officeDocument/2006/relationships/hyperlink" Target="http://shop-masterinc.kz/photo/8359.jpg" TargetMode="External"/><Relationship Id="rId1789" Type="http://schemas.openxmlformats.org/officeDocument/2006/relationships/hyperlink" Target="http://shop-masterinc.kz/photo/5271.jpg" TargetMode="External"/><Relationship Id="rId1996" Type="http://schemas.openxmlformats.org/officeDocument/2006/relationships/hyperlink" Target="http://shop-masterinc.kz/photo/5443.jpg" TargetMode="External"/><Relationship Id="rId50" Type="http://schemas.openxmlformats.org/officeDocument/2006/relationships/hyperlink" Target="http://shop-masterinc.kz/photo/6979.jpg" TargetMode="External"/><Relationship Id="rId146" Type="http://schemas.openxmlformats.org/officeDocument/2006/relationships/hyperlink" Target="http://shop-masterinc.kz/photo/8959.jpg" TargetMode="External"/><Relationship Id="rId353" Type="http://schemas.openxmlformats.org/officeDocument/2006/relationships/hyperlink" Target="http://shop-masterinc.kz/photo/9030.jpg" TargetMode="External"/><Relationship Id="rId560" Type="http://schemas.openxmlformats.org/officeDocument/2006/relationships/hyperlink" Target="http://shop-masterinc.kz/photo/7268.jpg" TargetMode="External"/><Relationship Id="rId798" Type="http://schemas.openxmlformats.org/officeDocument/2006/relationships/hyperlink" Target="http://shop-masterinc.kz/photo/5671.jpg" TargetMode="External"/><Relationship Id="rId1190" Type="http://schemas.openxmlformats.org/officeDocument/2006/relationships/hyperlink" Target="http://shop-masterinc.kz/photo/1612.jpg" TargetMode="External"/><Relationship Id="rId1204" Type="http://schemas.openxmlformats.org/officeDocument/2006/relationships/hyperlink" Target="http://shop-masterinc.kz/photo/4200.jpg" TargetMode="External"/><Relationship Id="rId1411" Type="http://schemas.openxmlformats.org/officeDocument/2006/relationships/hyperlink" Target="http://shop-masterinc.kz/photo/3181.jpg" TargetMode="External"/><Relationship Id="rId1649" Type="http://schemas.openxmlformats.org/officeDocument/2006/relationships/hyperlink" Target="http://shop-masterinc.kz/photo/7446.jpg" TargetMode="External"/><Relationship Id="rId1856" Type="http://schemas.openxmlformats.org/officeDocument/2006/relationships/hyperlink" Target="http://shop-masterinc.kz/photo/9877.jpg" TargetMode="External"/><Relationship Id="rId2034" Type="http://schemas.openxmlformats.org/officeDocument/2006/relationships/hyperlink" Target="http://shop-masterinc.kz/photo/712.jpg" TargetMode="External"/><Relationship Id="rId213" Type="http://schemas.openxmlformats.org/officeDocument/2006/relationships/hyperlink" Target="http://shop-masterinc.kz/photo/4893.jpg" TargetMode="External"/><Relationship Id="rId420" Type="http://schemas.openxmlformats.org/officeDocument/2006/relationships/hyperlink" Target="http://shop-masterinc.kz/photo/7183.jpg" TargetMode="External"/><Relationship Id="rId658" Type="http://schemas.openxmlformats.org/officeDocument/2006/relationships/hyperlink" Target="http://shop-masterinc.kz/photo/3818.jpg" TargetMode="External"/><Relationship Id="rId865" Type="http://schemas.openxmlformats.org/officeDocument/2006/relationships/hyperlink" Target="http://shop-masterinc.kz/photo/6242.jpg" TargetMode="External"/><Relationship Id="rId1050" Type="http://schemas.openxmlformats.org/officeDocument/2006/relationships/hyperlink" Target="http://shop-masterinc.kz/photo/5272.jpg" TargetMode="External"/><Relationship Id="rId1288" Type="http://schemas.openxmlformats.org/officeDocument/2006/relationships/hyperlink" Target="http://shop-masterinc.kz/photo/8852.jpg" TargetMode="External"/><Relationship Id="rId1495" Type="http://schemas.openxmlformats.org/officeDocument/2006/relationships/hyperlink" Target="http://shop-masterinc.kz/photo/7574.jpg" TargetMode="External"/><Relationship Id="rId1509" Type="http://schemas.openxmlformats.org/officeDocument/2006/relationships/hyperlink" Target="http://shop-masterinc.kz/photo/10101.jpg" TargetMode="External"/><Relationship Id="rId1716" Type="http://schemas.openxmlformats.org/officeDocument/2006/relationships/hyperlink" Target="http://shop-masterinc.kz/photo/5715.jpg" TargetMode="External"/><Relationship Id="rId1923" Type="http://schemas.openxmlformats.org/officeDocument/2006/relationships/hyperlink" Target="http://shop-masterinc.kz/photo/8242.jpg" TargetMode="External"/><Relationship Id="rId2101" Type="http://schemas.openxmlformats.org/officeDocument/2006/relationships/hyperlink" Target="http://shop-masterinc.kz/photo/10104.jpg" TargetMode="External"/><Relationship Id="rId297" Type="http://schemas.openxmlformats.org/officeDocument/2006/relationships/hyperlink" Target="http://shop-masterinc.kz/photo/3216.jpg" TargetMode="External"/><Relationship Id="rId518" Type="http://schemas.openxmlformats.org/officeDocument/2006/relationships/hyperlink" Target="http://shop-masterinc.kz/photo/10289.jpg" TargetMode="External"/><Relationship Id="rId725" Type="http://schemas.openxmlformats.org/officeDocument/2006/relationships/hyperlink" Target="http://shop-masterinc.kz/photo/3301.jpg" TargetMode="External"/><Relationship Id="rId932" Type="http://schemas.openxmlformats.org/officeDocument/2006/relationships/hyperlink" Target="http://shop-masterinc.kz/photo/880.jpg" TargetMode="External"/><Relationship Id="rId1148" Type="http://schemas.openxmlformats.org/officeDocument/2006/relationships/hyperlink" Target="http://shop-masterinc.kz/photo/9697.jpg" TargetMode="External"/><Relationship Id="rId1355" Type="http://schemas.openxmlformats.org/officeDocument/2006/relationships/hyperlink" Target="http://shop-masterinc.kz/photo/4600.jpg" TargetMode="External"/><Relationship Id="rId1562" Type="http://schemas.openxmlformats.org/officeDocument/2006/relationships/hyperlink" Target="http://shop-masterinc.kz/photo/9688.jpg" TargetMode="External"/><Relationship Id="rId157" Type="http://schemas.openxmlformats.org/officeDocument/2006/relationships/hyperlink" Target="http://shop-masterinc.kz/photo/9250.jpg" TargetMode="External"/><Relationship Id="rId364" Type="http://schemas.openxmlformats.org/officeDocument/2006/relationships/hyperlink" Target="http://shop-masterinc.kz/photo/9552.jpg" TargetMode="External"/><Relationship Id="rId1008" Type="http://schemas.openxmlformats.org/officeDocument/2006/relationships/hyperlink" Target="http://shop-masterinc.kz/photo/10264.jpg" TargetMode="External"/><Relationship Id="rId1215" Type="http://schemas.openxmlformats.org/officeDocument/2006/relationships/hyperlink" Target="http://shop-masterinc.kz/photo/5291.jpg" TargetMode="External"/><Relationship Id="rId1422" Type="http://schemas.openxmlformats.org/officeDocument/2006/relationships/hyperlink" Target="http://shop-masterinc.kz/photo/9279.jpg" TargetMode="External"/><Relationship Id="rId1867" Type="http://schemas.openxmlformats.org/officeDocument/2006/relationships/hyperlink" Target="http://shop-masterinc.kz/photo/6051.jpg" TargetMode="External"/><Relationship Id="rId2045" Type="http://schemas.openxmlformats.org/officeDocument/2006/relationships/hyperlink" Target="http://shop-masterinc.kz/photo/4555.jpg" TargetMode="External"/><Relationship Id="rId61" Type="http://schemas.openxmlformats.org/officeDocument/2006/relationships/hyperlink" Target="http://shop-masterinc.kz/photo/7474.jpg" TargetMode="External"/><Relationship Id="rId571" Type="http://schemas.openxmlformats.org/officeDocument/2006/relationships/hyperlink" Target="http://shop-masterinc.kz/photo/9848.jpg" TargetMode="External"/><Relationship Id="rId669" Type="http://schemas.openxmlformats.org/officeDocument/2006/relationships/hyperlink" Target="http://shop-masterinc.kz/photo/7465.jpg" TargetMode="External"/><Relationship Id="rId876" Type="http://schemas.openxmlformats.org/officeDocument/2006/relationships/hyperlink" Target="http://shop-masterinc.kz/photo/7357.jpg" TargetMode="External"/><Relationship Id="rId1299" Type="http://schemas.openxmlformats.org/officeDocument/2006/relationships/hyperlink" Target="http://shop-masterinc.kz/photo/6128.jpg" TargetMode="External"/><Relationship Id="rId1727" Type="http://schemas.openxmlformats.org/officeDocument/2006/relationships/hyperlink" Target="http://shop-masterinc.kz/photo/5713.jpg" TargetMode="External"/><Relationship Id="rId1934" Type="http://schemas.openxmlformats.org/officeDocument/2006/relationships/hyperlink" Target="http://shop-masterinc.kz/photo/8628.jpg" TargetMode="External"/><Relationship Id="rId19" Type="http://schemas.openxmlformats.org/officeDocument/2006/relationships/hyperlink" Target="http://shop-masterinc.kz/photo/8595.jpg" TargetMode="External"/><Relationship Id="rId224" Type="http://schemas.openxmlformats.org/officeDocument/2006/relationships/hyperlink" Target="http://shop-masterinc.kz/photo/9306.jpg" TargetMode="External"/><Relationship Id="rId431" Type="http://schemas.openxmlformats.org/officeDocument/2006/relationships/hyperlink" Target="http://shop-masterinc.kz/photo/3286.jpg" TargetMode="External"/><Relationship Id="rId529" Type="http://schemas.openxmlformats.org/officeDocument/2006/relationships/hyperlink" Target="http://shop-masterinc.kz/photo/562.jpg" TargetMode="External"/><Relationship Id="rId736" Type="http://schemas.openxmlformats.org/officeDocument/2006/relationships/hyperlink" Target="http://shop-masterinc.kz/photo/6454.jpg" TargetMode="External"/><Relationship Id="rId1061" Type="http://schemas.openxmlformats.org/officeDocument/2006/relationships/hyperlink" Target="http://shop-masterinc.kz/photo/1163.jpg" TargetMode="External"/><Relationship Id="rId1159" Type="http://schemas.openxmlformats.org/officeDocument/2006/relationships/hyperlink" Target="http://shop-masterinc.kz/photo/8678.jpg" TargetMode="External"/><Relationship Id="rId1366" Type="http://schemas.openxmlformats.org/officeDocument/2006/relationships/hyperlink" Target="http://shop-masterinc.kz/photo/4338.jpg" TargetMode="External"/><Relationship Id="rId2112" Type="http://schemas.openxmlformats.org/officeDocument/2006/relationships/hyperlink" Target="http://shop-masterinc.kz/photo/9995.jpg" TargetMode="External"/><Relationship Id="rId168" Type="http://schemas.openxmlformats.org/officeDocument/2006/relationships/hyperlink" Target="http://shop-masterinc.kz/photo/8080.jpg" TargetMode="External"/><Relationship Id="rId943" Type="http://schemas.openxmlformats.org/officeDocument/2006/relationships/hyperlink" Target="http://shop-masterinc.kz/photo/132.jpg" TargetMode="External"/><Relationship Id="rId1019" Type="http://schemas.openxmlformats.org/officeDocument/2006/relationships/hyperlink" Target="http://shop-masterinc.kz/photo/7725.jpg" TargetMode="External"/><Relationship Id="rId1573" Type="http://schemas.openxmlformats.org/officeDocument/2006/relationships/hyperlink" Target="http://shop-masterinc.kz/photo/6944.jpg" TargetMode="External"/><Relationship Id="rId1780" Type="http://schemas.openxmlformats.org/officeDocument/2006/relationships/hyperlink" Target="http://shop-masterinc.kz/photo/6248.jpg" TargetMode="External"/><Relationship Id="rId1878" Type="http://schemas.openxmlformats.org/officeDocument/2006/relationships/hyperlink" Target="http://shop-masterinc.kz/photo/8769.jpg" TargetMode="External"/><Relationship Id="rId72" Type="http://schemas.openxmlformats.org/officeDocument/2006/relationships/hyperlink" Target="http://shop-masterinc.kz/photo/8025.jpg" TargetMode="External"/><Relationship Id="rId375" Type="http://schemas.openxmlformats.org/officeDocument/2006/relationships/hyperlink" Target="http://shop-masterinc.kz/photo/9262.jpg" TargetMode="External"/><Relationship Id="rId582" Type="http://schemas.openxmlformats.org/officeDocument/2006/relationships/hyperlink" Target="http://shop-masterinc.kz/photo/9593.jpg" TargetMode="External"/><Relationship Id="rId803" Type="http://schemas.openxmlformats.org/officeDocument/2006/relationships/hyperlink" Target="http://shop-masterinc.kz/photo/8325.jpg" TargetMode="External"/><Relationship Id="rId1226" Type="http://schemas.openxmlformats.org/officeDocument/2006/relationships/hyperlink" Target="http://shop-masterinc.kz/photo/928.jpg" TargetMode="External"/><Relationship Id="rId1433" Type="http://schemas.openxmlformats.org/officeDocument/2006/relationships/hyperlink" Target="http://shop-masterinc.kz/photo/9380.jpg" TargetMode="External"/><Relationship Id="rId1640" Type="http://schemas.openxmlformats.org/officeDocument/2006/relationships/hyperlink" Target="http://shop-masterinc.kz/photo/10216.jpg" TargetMode="External"/><Relationship Id="rId1738" Type="http://schemas.openxmlformats.org/officeDocument/2006/relationships/hyperlink" Target="http://shop-masterinc.kz/photo/7704.jpg" TargetMode="External"/><Relationship Id="rId2056" Type="http://schemas.openxmlformats.org/officeDocument/2006/relationships/hyperlink" Target="http://shop-masterinc.kz/photo/6645.jpg" TargetMode="External"/><Relationship Id="rId3" Type="http://schemas.openxmlformats.org/officeDocument/2006/relationships/hyperlink" Target="mailto:service@masterinc.kz?subject=&#1079;&#1072;&#1087;&#1088;&#1086;&#1089;%20&#1085;&#1072;%20&#1086;&#1073;&#1089;&#1083;&#1091;&#1078;&#1080;&#1074;&#1072;&#1085;&#1080;&#1077;%20&#1080;%20&#1079;&#1072;&#1087;&#1088;&#1072;&#1074;&#1082;&#1091;" TargetMode="External"/><Relationship Id="rId235" Type="http://schemas.openxmlformats.org/officeDocument/2006/relationships/hyperlink" Target="http://shop-masterinc.kz/photo/9308.jpg" TargetMode="External"/><Relationship Id="rId442" Type="http://schemas.openxmlformats.org/officeDocument/2006/relationships/hyperlink" Target="http://shop-masterinc.kz/photo/9487.jpg" TargetMode="External"/><Relationship Id="rId887" Type="http://schemas.openxmlformats.org/officeDocument/2006/relationships/hyperlink" Target="http://shop-masterinc.kz/photo/5332.jpg" TargetMode="External"/><Relationship Id="rId1072" Type="http://schemas.openxmlformats.org/officeDocument/2006/relationships/hyperlink" Target="http://shop-masterinc.kz/photo/9690.jpg" TargetMode="External"/><Relationship Id="rId1500" Type="http://schemas.openxmlformats.org/officeDocument/2006/relationships/hyperlink" Target="http://shop-masterinc.kz/photo/9086.jpg" TargetMode="External"/><Relationship Id="rId1945" Type="http://schemas.openxmlformats.org/officeDocument/2006/relationships/hyperlink" Target="http://shop-masterinc.kz/photo/7839.jpg" TargetMode="External"/><Relationship Id="rId2123" Type="http://schemas.openxmlformats.org/officeDocument/2006/relationships/hyperlink" Target="http://shop-masterinc.kz/photo/9376.jpg" TargetMode="External"/><Relationship Id="rId302" Type="http://schemas.openxmlformats.org/officeDocument/2006/relationships/hyperlink" Target="http://shop-masterinc.kz/photo/5548.jpg" TargetMode="External"/><Relationship Id="rId747" Type="http://schemas.openxmlformats.org/officeDocument/2006/relationships/hyperlink" Target="http://shop-masterinc.kz/photo/8892.jpg" TargetMode="External"/><Relationship Id="rId954" Type="http://schemas.openxmlformats.org/officeDocument/2006/relationships/hyperlink" Target="http://shop-masterinc.kz/photo/7622.jpg" TargetMode="External"/><Relationship Id="rId1377" Type="http://schemas.openxmlformats.org/officeDocument/2006/relationships/hyperlink" Target="http://shop-masterinc.kz/photo/5051.jpg" TargetMode="External"/><Relationship Id="rId1584" Type="http://schemas.openxmlformats.org/officeDocument/2006/relationships/hyperlink" Target="http://shop-masterinc.kz/photo/8556.jpg" TargetMode="External"/><Relationship Id="rId1791" Type="http://schemas.openxmlformats.org/officeDocument/2006/relationships/hyperlink" Target="http://shop-masterinc.kz/photo/5269.jpg" TargetMode="External"/><Relationship Id="rId1805" Type="http://schemas.openxmlformats.org/officeDocument/2006/relationships/hyperlink" Target="http://shop-masterinc.kz/photo/9097.jpg" TargetMode="External"/><Relationship Id="rId83" Type="http://schemas.openxmlformats.org/officeDocument/2006/relationships/hyperlink" Target="http://shop-masterinc.kz/photo/8846.jpg" TargetMode="External"/><Relationship Id="rId179" Type="http://schemas.openxmlformats.org/officeDocument/2006/relationships/hyperlink" Target="http://shop-masterinc.kz/photo/526.jpg" TargetMode="External"/><Relationship Id="rId386" Type="http://schemas.openxmlformats.org/officeDocument/2006/relationships/hyperlink" Target="http://shop-masterinc.kz/photo/1490.jpg" TargetMode="External"/><Relationship Id="rId593" Type="http://schemas.openxmlformats.org/officeDocument/2006/relationships/hyperlink" Target="http://shop-masterinc.kz/photo/910.jpg" TargetMode="External"/><Relationship Id="rId607" Type="http://schemas.openxmlformats.org/officeDocument/2006/relationships/hyperlink" Target="http://shop-masterinc.kz/photo/4028.jpg" TargetMode="External"/><Relationship Id="rId814" Type="http://schemas.openxmlformats.org/officeDocument/2006/relationships/hyperlink" Target="http://shop-masterinc.kz/photo/8440.jpg" TargetMode="External"/><Relationship Id="rId1237" Type="http://schemas.openxmlformats.org/officeDocument/2006/relationships/hyperlink" Target="http://shop-masterinc.kz/photo/6530.jpg" TargetMode="External"/><Relationship Id="rId1444" Type="http://schemas.openxmlformats.org/officeDocument/2006/relationships/hyperlink" Target="http://shop-masterinc.kz/photo/9551.jpg" TargetMode="External"/><Relationship Id="rId1651" Type="http://schemas.openxmlformats.org/officeDocument/2006/relationships/hyperlink" Target="http://shop-masterinc.kz/photo/6657.jpg" TargetMode="External"/><Relationship Id="rId1889" Type="http://schemas.openxmlformats.org/officeDocument/2006/relationships/hyperlink" Target="http://shop-masterinc.kz/photo/7930.jpg" TargetMode="External"/><Relationship Id="rId2067" Type="http://schemas.openxmlformats.org/officeDocument/2006/relationships/hyperlink" Target="http://shop-masterinc.kz/photo/6658.jpg" TargetMode="External"/><Relationship Id="rId246" Type="http://schemas.openxmlformats.org/officeDocument/2006/relationships/hyperlink" Target="http://shop-masterinc.kz/photo/5090.jpg" TargetMode="External"/><Relationship Id="rId453" Type="http://schemas.openxmlformats.org/officeDocument/2006/relationships/hyperlink" Target="http://shop-masterinc.kz/photo/37.jpg" TargetMode="External"/><Relationship Id="rId660" Type="http://schemas.openxmlformats.org/officeDocument/2006/relationships/hyperlink" Target="http://shop-masterinc.kz/photo/6618.jpg" TargetMode="External"/><Relationship Id="rId898" Type="http://schemas.openxmlformats.org/officeDocument/2006/relationships/hyperlink" Target="http://shop-masterinc.kz/photo/6603.jpg" TargetMode="External"/><Relationship Id="rId1083" Type="http://schemas.openxmlformats.org/officeDocument/2006/relationships/hyperlink" Target="http://shop-masterinc.kz/photo/67.jpg" TargetMode="External"/><Relationship Id="rId1290" Type="http://schemas.openxmlformats.org/officeDocument/2006/relationships/hyperlink" Target="http://shop-masterinc.kz/photo/7866.jpg" TargetMode="External"/><Relationship Id="rId1304" Type="http://schemas.openxmlformats.org/officeDocument/2006/relationships/hyperlink" Target="http://shop-masterinc.kz/photo/4845.jpg" TargetMode="External"/><Relationship Id="rId1511" Type="http://schemas.openxmlformats.org/officeDocument/2006/relationships/hyperlink" Target="http://shop-masterinc.kz/photo/10192.jpg" TargetMode="External"/><Relationship Id="rId1749" Type="http://schemas.openxmlformats.org/officeDocument/2006/relationships/hyperlink" Target="http://shop-masterinc.kz/photo/6577.jpg" TargetMode="External"/><Relationship Id="rId1956" Type="http://schemas.openxmlformats.org/officeDocument/2006/relationships/hyperlink" Target="http://shop-masterinc.kz/photo/9900.jpg" TargetMode="External"/><Relationship Id="rId2134" Type="http://schemas.openxmlformats.org/officeDocument/2006/relationships/hyperlink" Target="http://shop-masterinc.kz/photo/10279.jpg" TargetMode="External"/><Relationship Id="rId106" Type="http://schemas.openxmlformats.org/officeDocument/2006/relationships/hyperlink" Target="http://shop-masterinc.kz/photo/8123.jpg" TargetMode="External"/><Relationship Id="rId313" Type="http://schemas.openxmlformats.org/officeDocument/2006/relationships/hyperlink" Target="http://shop-masterinc.kz/photo/8586.jpg" TargetMode="External"/><Relationship Id="rId758" Type="http://schemas.openxmlformats.org/officeDocument/2006/relationships/hyperlink" Target="http://shop-masterinc.kz/photo/4036.jpg" TargetMode="External"/><Relationship Id="rId965" Type="http://schemas.openxmlformats.org/officeDocument/2006/relationships/hyperlink" Target="http://shop-masterinc.kz/photo/9242.jpg" TargetMode="External"/><Relationship Id="rId1150" Type="http://schemas.openxmlformats.org/officeDocument/2006/relationships/hyperlink" Target="http://shop-masterinc.kz/photo/9694.jpg" TargetMode="External"/><Relationship Id="rId1388" Type="http://schemas.openxmlformats.org/officeDocument/2006/relationships/hyperlink" Target="http://shop-masterinc.kz/photo/5369.jpg" TargetMode="External"/><Relationship Id="rId1595" Type="http://schemas.openxmlformats.org/officeDocument/2006/relationships/hyperlink" Target="http://shop-masterinc.kz/photo/8235.jpg" TargetMode="External"/><Relationship Id="rId1609" Type="http://schemas.openxmlformats.org/officeDocument/2006/relationships/hyperlink" Target="http://shop-masterinc.kz/photo/6584.jpg" TargetMode="External"/><Relationship Id="rId1816" Type="http://schemas.openxmlformats.org/officeDocument/2006/relationships/hyperlink" Target="http://shop-masterinc.kz/photo/6060.jpg" TargetMode="External"/><Relationship Id="rId10" Type="http://schemas.openxmlformats.org/officeDocument/2006/relationships/hyperlink" Target="http://shop-masterinc.kz/photo/6108.jpg" TargetMode="External"/><Relationship Id="rId94" Type="http://schemas.openxmlformats.org/officeDocument/2006/relationships/hyperlink" Target="http://shop-masterinc.kz/photo/8122.jpg" TargetMode="External"/><Relationship Id="rId397" Type="http://schemas.openxmlformats.org/officeDocument/2006/relationships/hyperlink" Target="http://shop-masterinc.kz/photo/1020.jpg" TargetMode="External"/><Relationship Id="rId520" Type="http://schemas.openxmlformats.org/officeDocument/2006/relationships/hyperlink" Target="http://shop-masterinc.kz/photo/3370.jpg" TargetMode="External"/><Relationship Id="rId618" Type="http://schemas.openxmlformats.org/officeDocument/2006/relationships/hyperlink" Target="http://shop-masterinc.kz/photo/3270.jpg" TargetMode="External"/><Relationship Id="rId825" Type="http://schemas.openxmlformats.org/officeDocument/2006/relationships/hyperlink" Target="http://shop-masterinc.kz/photo/6875.jpg" TargetMode="External"/><Relationship Id="rId1248" Type="http://schemas.openxmlformats.org/officeDocument/2006/relationships/hyperlink" Target="http://shop-masterinc.kz/photo/1496.jpg" TargetMode="External"/><Relationship Id="rId1455" Type="http://schemas.openxmlformats.org/officeDocument/2006/relationships/hyperlink" Target="http://shop-masterinc.kz/photo/3498.jpg" TargetMode="External"/><Relationship Id="rId1662" Type="http://schemas.openxmlformats.org/officeDocument/2006/relationships/hyperlink" Target="http://shop-masterinc.kz/photo/3273.jpg" TargetMode="External"/><Relationship Id="rId2078" Type="http://schemas.openxmlformats.org/officeDocument/2006/relationships/hyperlink" Target="http://shop-masterinc.kz/photo/10234.jpg" TargetMode="External"/><Relationship Id="rId257" Type="http://schemas.openxmlformats.org/officeDocument/2006/relationships/hyperlink" Target="http://shop-masterinc.kz/photo/6340.jpg" TargetMode="External"/><Relationship Id="rId464" Type="http://schemas.openxmlformats.org/officeDocument/2006/relationships/hyperlink" Target="http://shop-masterinc.kz/photo/3910.jpg" TargetMode="External"/><Relationship Id="rId1010" Type="http://schemas.openxmlformats.org/officeDocument/2006/relationships/hyperlink" Target="http://shop-masterinc.kz/photo/7726.jpg" TargetMode="External"/><Relationship Id="rId1094" Type="http://schemas.openxmlformats.org/officeDocument/2006/relationships/hyperlink" Target="http://shop-masterinc.kz/photo/5472.jpg" TargetMode="External"/><Relationship Id="rId1108" Type="http://schemas.openxmlformats.org/officeDocument/2006/relationships/hyperlink" Target="http://shop-masterinc.kz/photo/8431.jpg" TargetMode="External"/><Relationship Id="rId1315" Type="http://schemas.openxmlformats.org/officeDocument/2006/relationships/hyperlink" Target="http://shop-masterinc.kz/photo/5175.jpg" TargetMode="External"/><Relationship Id="rId1967" Type="http://schemas.openxmlformats.org/officeDocument/2006/relationships/hyperlink" Target="http://shop-masterinc.kz/photo/7695.jpg" TargetMode="External"/><Relationship Id="rId2145" Type="http://schemas.openxmlformats.org/officeDocument/2006/relationships/hyperlink" Target="http://shop-masterinc.kz/photo/5704.jpg" TargetMode="External"/><Relationship Id="rId117" Type="http://schemas.openxmlformats.org/officeDocument/2006/relationships/hyperlink" Target="http://shop-masterinc.kz/photo/7755.jpg" TargetMode="External"/><Relationship Id="rId671" Type="http://schemas.openxmlformats.org/officeDocument/2006/relationships/hyperlink" Target="http://shop-masterinc.kz/photo/7383.jpg" TargetMode="External"/><Relationship Id="rId769" Type="http://schemas.openxmlformats.org/officeDocument/2006/relationships/hyperlink" Target="http://shop-masterinc.kz/photo/7652.jpg" TargetMode="External"/><Relationship Id="rId976" Type="http://schemas.openxmlformats.org/officeDocument/2006/relationships/hyperlink" Target="http://shop-masterinc.kz/photo/7962.jpg" TargetMode="External"/><Relationship Id="rId1399" Type="http://schemas.openxmlformats.org/officeDocument/2006/relationships/hyperlink" Target="http://shop-masterinc.kz/photo/1268.jpg" TargetMode="External"/><Relationship Id="rId324" Type="http://schemas.openxmlformats.org/officeDocument/2006/relationships/hyperlink" Target="http://shop-masterinc.kz/photo/8998.jpg" TargetMode="External"/><Relationship Id="rId531" Type="http://schemas.openxmlformats.org/officeDocument/2006/relationships/hyperlink" Target="http://shop-masterinc.kz/photo/5738.jpg" TargetMode="External"/><Relationship Id="rId629" Type="http://schemas.openxmlformats.org/officeDocument/2006/relationships/hyperlink" Target="http://shop-masterinc.kz/photo/7493.jpg" TargetMode="External"/><Relationship Id="rId1161" Type="http://schemas.openxmlformats.org/officeDocument/2006/relationships/hyperlink" Target="http://shop-masterinc.kz/photo/8360.jpg" TargetMode="External"/><Relationship Id="rId1259" Type="http://schemas.openxmlformats.org/officeDocument/2006/relationships/hyperlink" Target="http://shop-masterinc.kz/photo/4648.jpg" TargetMode="External"/><Relationship Id="rId1466" Type="http://schemas.openxmlformats.org/officeDocument/2006/relationships/hyperlink" Target="http://shop-masterinc.kz/photo/5529.jpg" TargetMode="External"/><Relationship Id="rId2005" Type="http://schemas.openxmlformats.org/officeDocument/2006/relationships/hyperlink" Target="http://shop-masterinc.kz/photo/8748.jpg" TargetMode="External"/><Relationship Id="rId836" Type="http://schemas.openxmlformats.org/officeDocument/2006/relationships/hyperlink" Target="http://shop-masterinc.kz/photo/1501.jpg" TargetMode="External"/><Relationship Id="rId1021" Type="http://schemas.openxmlformats.org/officeDocument/2006/relationships/hyperlink" Target="http://shop-masterinc.kz/photo/7103.jpg" TargetMode="External"/><Relationship Id="rId1119" Type="http://schemas.openxmlformats.org/officeDocument/2006/relationships/hyperlink" Target="http://shop-masterinc.kz/photo/5592.jpg" TargetMode="External"/><Relationship Id="rId1673" Type="http://schemas.openxmlformats.org/officeDocument/2006/relationships/hyperlink" Target="http://shop-masterinc.kz/photo/766.jpg" TargetMode="External"/><Relationship Id="rId1880" Type="http://schemas.openxmlformats.org/officeDocument/2006/relationships/hyperlink" Target="http://shop-masterinc.kz/photo/6076.jpg" TargetMode="External"/><Relationship Id="rId1978" Type="http://schemas.openxmlformats.org/officeDocument/2006/relationships/hyperlink" Target="http://shop-masterinc.kz/photo/7696.jpg" TargetMode="External"/><Relationship Id="rId903" Type="http://schemas.openxmlformats.org/officeDocument/2006/relationships/hyperlink" Target="http://shop-masterinc.kz/photo/6608.jpg" TargetMode="External"/><Relationship Id="rId1326" Type="http://schemas.openxmlformats.org/officeDocument/2006/relationships/hyperlink" Target="http://shop-masterinc.kz/photo/1458.jpg" TargetMode="External"/><Relationship Id="rId1533" Type="http://schemas.openxmlformats.org/officeDocument/2006/relationships/hyperlink" Target="http://shop-masterinc.kz/photo/7562.jpg" TargetMode="External"/><Relationship Id="rId1740" Type="http://schemas.openxmlformats.org/officeDocument/2006/relationships/hyperlink" Target="http://shop-masterinc.kz/photo/4468.jpg" TargetMode="External"/><Relationship Id="rId32" Type="http://schemas.openxmlformats.org/officeDocument/2006/relationships/hyperlink" Target="http://shop-masterinc.kz/photo/7099.jpg" TargetMode="External"/><Relationship Id="rId1600" Type="http://schemas.openxmlformats.org/officeDocument/2006/relationships/hyperlink" Target="http://shop-masterinc.kz/photo/8174.jpg" TargetMode="External"/><Relationship Id="rId1838" Type="http://schemas.openxmlformats.org/officeDocument/2006/relationships/hyperlink" Target="http://shop-masterinc.kz/photo/10257.jpg" TargetMode="External"/><Relationship Id="rId181" Type="http://schemas.openxmlformats.org/officeDocument/2006/relationships/hyperlink" Target="http://shop-masterinc.kz/photo/7770.jpg" TargetMode="External"/><Relationship Id="rId1905" Type="http://schemas.openxmlformats.org/officeDocument/2006/relationships/hyperlink" Target="http://shop-masterinc.kz/photo/6053.jpg" TargetMode="External"/><Relationship Id="rId279" Type="http://schemas.openxmlformats.org/officeDocument/2006/relationships/hyperlink" Target="http://shop-masterinc.kz/photo/4901.jpg" TargetMode="External"/><Relationship Id="rId486" Type="http://schemas.openxmlformats.org/officeDocument/2006/relationships/hyperlink" Target="http://shop-masterinc.kz/photo/318.jpg" TargetMode="External"/><Relationship Id="rId693" Type="http://schemas.openxmlformats.org/officeDocument/2006/relationships/hyperlink" Target="http://shop-masterinc.kz/photo/7366.jpg" TargetMode="External"/><Relationship Id="rId139" Type="http://schemas.openxmlformats.org/officeDocument/2006/relationships/hyperlink" Target="http://shop-masterinc.kz/photo/8391.jpg" TargetMode="External"/><Relationship Id="rId346" Type="http://schemas.openxmlformats.org/officeDocument/2006/relationships/hyperlink" Target="http://shop-masterinc.kz/photo/1576.jpg" TargetMode="External"/><Relationship Id="rId553" Type="http://schemas.openxmlformats.org/officeDocument/2006/relationships/hyperlink" Target="http://shop-masterinc.kz/photo/6694.jpg" TargetMode="External"/><Relationship Id="rId760" Type="http://schemas.openxmlformats.org/officeDocument/2006/relationships/hyperlink" Target="http://shop-masterinc.kz/photo/4652.jpg" TargetMode="External"/><Relationship Id="rId998" Type="http://schemas.openxmlformats.org/officeDocument/2006/relationships/hyperlink" Target="http://shop-masterinc.kz/photo/7791.jpg" TargetMode="External"/><Relationship Id="rId1183" Type="http://schemas.openxmlformats.org/officeDocument/2006/relationships/hyperlink" Target="http://shop-masterinc.kz/photo/4213.jpg" TargetMode="External"/><Relationship Id="rId1390" Type="http://schemas.openxmlformats.org/officeDocument/2006/relationships/hyperlink" Target="http://shop-masterinc.kz/photo/3982.jpg" TargetMode="External"/><Relationship Id="rId2027" Type="http://schemas.openxmlformats.org/officeDocument/2006/relationships/hyperlink" Target="http://shop-masterinc.kz/photo/729.jpg" TargetMode="External"/><Relationship Id="rId206" Type="http://schemas.openxmlformats.org/officeDocument/2006/relationships/hyperlink" Target="http://shop-masterinc.kz/photo/9394.jpg" TargetMode="External"/><Relationship Id="rId413" Type="http://schemas.openxmlformats.org/officeDocument/2006/relationships/hyperlink" Target="http://shop-masterinc.kz/photo/1495.jpg" TargetMode="External"/><Relationship Id="rId858" Type="http://schemas.openxmlformats.org/officeDocument/2006/relationships/hyperlink" Target="http://shop-masterinc.kz/photo/8649.jpg" TargetMode="External"/><Relationship Id="rId1043" Type="http://schemas.openxmlformats.org/officeDocument/2006/relationships/hyperlink" Target="http://shop-masterinc.kz/photo/9882.jpg" TargetMode="External"/><Relationship Id="rId1488" Type="http://schemas.openxmlformats.org/officeDocument/2006/relationships/hyperlink" Target="http://shop-masterinc.kz/photo/7569.jpg" TargetMode="External"/><Relationship Id="rId1695" Type="http://schemas.openxmlformats.org/officeDocument/2006/relationships/hyperlink" Target="http://shop-masterinc.kz/photo/9511.jpg" TargetMode="External"/><Relationship Id="rId620" Type="http://schemas.openxmlformats.org/officeDocument/2006/relationships/hyperlink" Target="http://shop-masterinc.kz/photo/6641.jpg" TargetMode="External"/><Relationship Id="rId718" Type="http://schemas.openxmlformats.org/officeDocument/2006/relationships/hyperlink" Target="http://shop-masterinc.kz/photo/864.jpg" TargetMode="External"/><Relationship Id="rId925" Type="http://schemas.openxmlformats.org/officeDocument/2006/relationships/hyperlink" Target="http://shop-masterinc.kz/photo/195.jpg" TargetMode="External"/><Relationship Id="rId1250" Type="http://schemas.openxmlformats.org/officeDocument/2006/relationships/hyperlink" Target="http://shop-masterinc.kz/photo/1723.jpg" TargetMode="External"/><Relationship Id="rId1348" Type="http://schemas.openxmlformats.org/officeDocument/2006/relationships/hyperlink" Target="http://shop-masterinc.kz/photo/7902.jpg" TargetMode="External"/><Relationship Id="rId1555" Type="http://schemas.openxmlformats.org/officeDocument/2006/relationships/hyperlink" Target="http://shop-masterinc.kz/photo/1165.jpg" TargetMode="External"/><Relationship Id="rId1762" Type="http://schemas.openxmlformats.org/officeDocument/2006/relationships/hyperlink" Target="http://shop-masterinc.kz/photo/4196.jpg" TargetMode="External"/><Relationship Id="rId1110" Type="http://schemas.openxmlformats.org/officeDocument/2006/relationships/hyperlink" Target="http://shop-masterinc.kz/photo/5276.jpg" TargetMode="External"/><Relationship Id="rId1208" Type="http://schemas.openxmlformats.org/officeDocument/2006/relationships/hyperlink" Target="http://shop-masterinc.kz/photo/1347.jpg" TargetMode="External"/><Relationship Id="rId1415" Type="http://schemas.openxmlformats.org/officeDocument/2006/relationships/hyperlink" Target="http://shop-masterinc.kz/photo/7513.jpg" TargetMode="External"/><Relationship Id="rId54" Type="http://schemas.openxmlformats.org/officeDocument/2006/relationships/hyperlink" Target="http://shop-masterinc.kz/photo/6978.jpg" TargetMode="External"/><Relationship Id="rId1622" Type="http://schemas.openxmlformats.org/officeDocument/2006/relationships/hyperlink" Target="http://shop-masterinc.kz/photo/5991.jpg" TargetMode="External"/><Relationship Id="rId1927" Type="http://schemas.openxmlformats.org/officeDocument/2006/relationships/hyperlink" Target="http://shop-masterinc.kz/photo/9117.jpg" TargetMode="External"/><Relationship Id="rId2091" Type="http://schemas.openxmlformats.org/officeDocument/2006/relationships/hyperlink" Target="http://shop-masterinc.kz/photo/10157.jpg" TargetMode="External"/><Relationship Id="rId270" Type="http://schemas.openxmlformats.org/officeDocument/2006/relationships/hyperlink" Target="http://shop-masterinc.kz/photo/5544.jpg" TargetMode="External"/><Relationship Id="rId130" Type="http://schemas.openxmlformats.org/officeDocument/2006/relationships/hyperlink" Target="http://shop-masterinc.kz/photo/8486.jpg" TargetMode="External"/><Relationship Id="rId368" Type="http://schemas.openxmlformats.org/officeDocument/2006/relationships/hyperlink" Target="http://shop-masterinc.kz/photo/5799.jpg" TargetMode="External"/><Relationship Id="rId575" Type="http://schemas.openxmlformats.org/officeDocument/2006/relationships/hyperlink" Target="http://shop-masterinc.kz/photo/8524.jpg" TargetMode="External"/><Relationship Id="rId782" Type="http://schemas.openxmlformats.org/officeDocument/2006/relationships/hyperlink" Target="http://shop-masterinc.kz/photo/8323.jpg" TargetMode="External"/><Relationship Id="rId2049" Type="http://schemas.openxmlformats.org/officeDocument/2006/relationships/hyperlink" Target="http://shop-masterinc.kz/photo/718.jpg" TargetMode="External"/><Relationship Id="rId228" Type="http://schemas.openxmlformats.org/officeDocument/2006/relationships/hyperlink" Target="http://shop-masterinc.kz/photo/9313.jpg" TargetMode="External"/><Relationship Id="rId435" Type="http://schemas.openxmlformats.org/officeDocument/2006/relationships/hyperlink" Target="http://shop-masterinc.kz/photo/7639.jpg" TargetMode="External"/><Relationship Id="rId642" Type="http://schemas.openxmlformats.org/officeDocument/2006/relationships/hyperlink" Target="http://shop-masterinc.kz/photo/8694.jpg" TargetMode="External"/><Relationship Id="rId1065" Type="http://schemas.openxmlformats.org/officeDocument/2006/relationships/hyperlink" Target="http://shop-masterinc.kz/photo/9802.jpg" TargetMode="External"/><Relationship Id="rId1272" Type="http://schemas.openxmlformats.org/officeDocument/2006/relationships/hyperlink" Target="http://shop-masterinc.kz/photo/7020.jpg" TargetMode="External"/><Relationship Id="rId2116" Type="http://schemas.openxmlformats.org/officeDocument/2006/relationships/hyperlink" Target="http://shop-masterinc.kz/photo/994.jpg" TargetMode="External"/><Relationship Id="rId502" Type="http://schemas.openxmlformats.org/officeDocument/2006/relationships/hyperlink" Target="http://shop-masterinc.kz/photo/5692.jpg" TargetMode="External"/><Relationship Id="rId947" Type="http://schemas.openxmlformats.org/officeDocument/2006/relationships/hyperlink" Target="http://shop-masterinc.kz/photo/196.jpg" TargetMode="External"/><Relationship Id="rId1132" Type="http://schemas.openxmlformats.org/officeDocument/2006/relationships/hyperlink" Target="http://shop-masterinc.kz/photo/5372.jpg" TargetMode="External"/><Relationship Id="rId1577" Type="http://schemas.openxmlformats.org/officeDocument/2006/relationships/hyperlink" Target="http://shop-masterinc.kz/photo/8562.jpg" TargetMode="External"/><Relationship Id="rId1784" Type="http://schemas.openxmlformats.org/officeDocument/2006/relationships/hyperlink" Target="http://shop-masterinc.kz/photo/1087.jpg" TargetMode="External"/><Relationship Id="rId1991" Type="http://schemas.openxmlformats.org/officeDocument/2006/relationships/hyperlink" Target="http://shop-masterinc.kz/photo/6701.jpg" TargetMode="External"/><Relationship Id="rId76" Type="http://schemas.openxmlformats.org/officeDocument/2006/relationships/hyperlink" Target="http://shop-masterinc.kz/photo/8028.jpg" TargetMode="External"/><Relationship Id="rId807" Type="http://schemas.openxmlformats.org/officeDocument/2006/relationships/hyperlink" Target="http://shop-masterinc.kz/photo/6420.jpg" TargetMode="External"/><Relationship Id="rId1437" Type="http://schemas.openxmlformats.org/officeDocument/2006/relationships/hyperlink" Target="http://shop-masterinc.kz/photo/7120.jpg" TargetMode="External"/><Relationship Id="rId1644" Type="http://schemas.openxmlformats.org/officeDocument/2006/relationships/hyperlink" Target="http://shop-masterinc.kz/photo/7078.jpg" TargetMode="External"/><Relationship Id="rId1851" Type="http://schemas.openxmlformats.org/officeDocument/2006/relationships/hyperlink" Target="http://shop-masterinc.kz/photo/5801.jpg" TargetMode="External"/><Relationship Id="rId1504" Type="http://schemas.openxmlformats.org/officeDocument/2006/relationships/hyperlink" Target="http://shop-masterinc.kz/photo/10208.jpg" TargetMode="External"/><Relationship Id="rId1711" Type="http://schemas.openxmlformats.org/officeDocument/2006/relationships/hyperlink" Target="http://shop-masterinc.kz/photo/10241.jpg" TargetMode="External"/><Relationship Id="rId1949" Type="http://schemas.openxmlformats.org/officeDocument/2006/relationships/hyperlink" Target="http://shop-masterinc.kz/photo/10124.jpg" TargetMode="External"/><Relationship Id="rId292" Type="http://schemas.openxmlformats.org/officeDocument/2006/relationships/hyperlink" Target="http://shop-masterinc.kz/photo/7558.jpg" TargetMode="External"/><Relationship Id="rId1809" Type="http://schemas.openxmlformats.org/officeDocument/2006/relationships/hyperlink" Target="http://shop-masterinc.kz/photo/7920.jpg" TargetMode="External"/><Relationship Id="rId597" Type="http://schemas.openxmlformats.org/officeDocument/2006/relationships/hyperlink" Target="http://shop-masterinc.kz/photo/120.jpg" TargetMode="External"/><Relationship Id="rId152" Type="http://schemas.openxmlformats.org/officeDocument/2006/relationships/hyperlink" Target="http://shop-masterinc.kz/photo/7634.jpg" TargetMode="External"/><Relationship Id="rId457" Type="http://schemas.openxmlformats.org/officeDocument/2006/relationships/hyperlink" Target="http://shop-masterinc.kz/photo/454.jpg" TargetMode="External"/><Relationship Id="rId1087" Type="http://schemas.openxmlformats.org/officeDocument/2006/relationships/hyperlink" Target="http://shop-masterinc.kz/photo/5562.jpg" TargetMode="External"/><Relationship Id="rId1294" Type="http://schemas.openxmlformats.org/officeDocument/2006/relationships/hyperlink" Target="http://shop-masterinc.kz/photo/5409.jpg" TargetMode="External"/><Relationship Id="rId2040" Type="http://schemas.openxmlformats.org/officeDocument/2006/relationships/hyperlink" Target="http://shop-masterinc.kz/photo/8364.jpg" TargetMode="External"/><Relationship Id="rId2138" Type="http://schemas.openxmlformats.org/officeDocument/2006/relationships/hyperlink" Target="http://shop-masterinc.kz/photo/10200.jpg" TargetMode="External"/><Relationship Id="rId664" Type="http://schemas.openxmlformats.org/officeDocument/2006/relationships/hyperlink" Target="http://shop-masterinc.kz/photo/6883.jpg" TargetMode="External"/><Relationship Id="rId871" Type="http://schemas.openxmlformats.org/officeDocument/2006/relationships/hyperlink" Target="http://shop-masterinc.kz/photo/4578.jpg" TargetMode="External"/><Relationship Id="rId969" Type="http://schemas.openxmlformats.org/officeDocument/2006/relationships/hyperlink" Target="http://shop-masterinc.kz/photo/6687.jpg" TargetMode="External"/><Relationship Id="rId1599" Type="http://schemas.openxmlformats.org/officeDocument/2006/relationships/hyperlink" Target="http://shop-masterinc.kz/photo/8416.jpg" TargetMode="External"/><Relationship Id="rId317" Type="http://schemas.openxmlformats.org/officeDocument/2006/relationships/hyperlink" Target="http://shop-masterinc.kz/photo/5872.jpg" TargetMode="External"/><Relationship Id="rId524" Type="http://schemas.openxmlformats.org/officeDocument/2006/relationships/hyperlink" Target="http://shop-masterinc.kz/photo/90.jpg" TargetMode="External"/><Relationship Id="rId731" Type="http://schemas.openxmlformats.org/officeDocument/2006/relationships/hyperlink" Target="http://shop-masterinc.kz/photo/4019.jpg" TargetMode="External"/><Relationship Id="rId1154" Type="http://schemas.openxmlformats.org/officeDocument/2006/relationships/hyperlink" Target="http://shop-masterinc.kz/photo/963.jpg" TargetMode="External"/><Relationship Id="rId1361" Type="http://schemas.openxmlformats.org/officeDocument/2006/relationships/hyperlink" Target="http://shop-masterinc.kz/photo/10130.jpg" TargetMode="External"/><Relationship Id="rId1459" Type="http://schemas.openxmlformats.org/officeDocument/2006/relationships/hyperlink" Target="http://shop-masterinc.kz/photo/7944.jpg" TargetMode="External"/><Relationship Id="rId98" Type="http://schemas.openxmlformats.org/officeDocument/2006/relationships/hyperlink" Target="http://shop-masterinc.kz/photo/7841.jpg" TargetMode="External"/><Relationship Id="rId829" Type="http://schemas.openxmlformats.org/officeDocument/2006/relationships/hyperlink" Target="http://shop-masterinc.kz/photo/852.jpg" TargetMode="External"/><Relationship Id="rId1014" Type="http://schemas.openxmlformats.org/officeDocument/2006/relationships/hyperlink" Target="http://shop-masterinc.kz/photo/7189.jpg" TargetMode="External"/><Relationship Id="rId1221" Type="http://schemas.openxmlformats.org/officeDocument/2006/relationships/hyperlink" Target="http://shop-masterinc.kz/photo/98.jpg" TargetMode="External"/><Relationship Id="rId1666" Type="http://schemas.openxmlformats.org/officeDocument/2006/relationships/hyperlink" Target="http://shop-masterinc.kz/photo/6570.jpg" TargetMode="External"/><Relationship Id="rId1873" Type="http://schemas.openxmlformats.org/officeDocument/2006/relationships/hyperlink" Target="http://shop-masterinc.kz/photo/8762.jpg" TargetMode="External"/><Relationship Id="rId1319" Type="http://schemas.openxmlformats.org/officeDocument/2006/relationships/hyperlink" Target="http://shop-masterinc.kz/photo/5171.jpg" TargetMode="External"/><Relationship Id="rId1526" Type="http://schemas.openxmlformats.org/officeDocument/2006/relationships/hyperlink" Target="http://shop-masterinc.kz/photo/7594.jpg" TargetMode="External"/><Relationship Id="rId1733" Type="http://schemas.openxmlformats.org/officeDocument/2006/relationships/hyperlink" Target="http://shop-masterinc.kz/photo/10226.jpg" TargetMode="External"/><Relationship Id="rId1940" Type="http://schemas.openxmlformats.org/officeDocument/2006/relationships/hyperlink" Target="http://shop-masterinc.kz/photo/10126.jpg" TargetMode="External"/><Relationship Id="rId25" Type="http://schemas.openxmlformats.org/officeDocument/2006/relationships/hyperlink" Target="http://shop-masterinc.kz/photo/7592.jpg" TargetMode="External"/><Relationship Id="rId1800" Type="http://schemas.openxmlformats.org/officeDocument/2006/relationships/hyperlink" Target="http://shop-masterinc.kz/photo/6075.jpg" TargetMode="External"/><Relationship Id="rId174" Type="http://schemas.openxmlformats.org/officeDocument/2006/relationships/hyperlink" Target="http://shop-masterinc.kz/photo/7746.jpg" TargetMode="External"/><Relationship Id="rId381" Type="http://schemas.openxmlformats.org/officeDocument/2006/relationships/hyperlink" Target="http://shop-masterinc.kz/photo/9113.jpg" TargetMode="External"/><Relationship Id="rId2062" Type="http://schemas.openxmlformats.org/officeDocument/2006/relationships/hyperlink" Target="http://shop-masterinc.kz/photo/10308.jpg" TargetMode="External"/><Relationship Id="rId241" Type="http://schemas.openxmlformats.org/officeDocument/2006/relationships/hyperlink" Target="http://shop-masterinc.kz/photo/9403.jpg" TargetMode="External"/><Relationship Id="rId479" Type="http://schemas.openxmlformats.org/officeDocument/2006/relationships/hyperlink" Target="http://shop-masterinc.kz/photo/1592.jpg" TargetMode="External"/><Relationship Id="rId686" Type="http://schemas.openxmlformats.org/officeDocument/2006/relationships/hyperlink" Target="http://shop-masterinc.kz/photo/3267.jpg" TargetMode="External"/><Relationship Id="rId893" Type="http://schemas.openxmlformats.org/officeDocument/2006/relationships/hyperlink" Target="http://shop-masterinc.kz/photo/47.jpg" TargetMode="External"/><Relationship Id="rId339" Type="http://schemas.openxmlformats.org/officeDocument/2006/relationships/hyperlink" Target="http://shop-masterinc.kz/photo/7711.jpg" TargetMode="External"/><Relationship Id="rId546" Type="http://schemas.openxmlformats.org/officeDocument/2006/relationships/hyperlink" Target="http://shop-masterinc.kz/photo/10008.jpg" TargetMode="External"/><Relationship Id="rId753" Type="http://schemas.openxmlformats.org/officeDocument/2006/relationships/hyperlink" Target="http://shop-masterinc.kz/photo/9017.jpg" TargetMode="External"/><Relationship Id="rId1176" Type="http://schemas.openxmlformats.org/officeDocument/2006/relationships/hyperlink" Target="http://shop-masterinc.kz/photo/5742.jpg" TargetMode="External"/><Relationship Id="rId1383" Type="http://schemas.openxmlformats.org/officeDocument/2006/relationships/hyperlink" Target="http://shop-masterinc.kz/photo/4397.jpg" TargetMode="External"/><Relationship Id="rId101" Type="http://schemas.openxmlformats.org/officeDocument/2006/relationships/hyperlink" Target="http://shop-masterinc.kz/photo/7846.jpg" TargetMode="External"/><Relationship Id="rId406" Type="http://schemas.openxmlformats.org/officeDocument/2006/relationships/hyperlink" Target="http://shop-masterinc.kz/photo/3209.jpg" TargetMode="External"/><Relationship Id="rId960" Type="http://schemas.openxmlformats.org/officeDocument/2006/relationships/hyperlink" Target="http://shop-masterinc.kz/photo/10160.jpg" TargetMode="External"/><Relationship Id="rId1036" Type="http://schemas.openxmlformats.org/officeDocument/2006/relationships/hyperlink" Target="http://shop-masterinc.kz/photo/8866.jpg" TargetMode="External"/><Relationship Id="rId1243" Type="http://schemas.openxmlformats.org/officeDocument/2006/relationships/hyperlink" Target="http://shop-masterinc.kz/photo/3807.jpg" TargetMode="External"/><Relationship Id="rId1590" Type="http://schemas.openxmlformats.org/officeDocument/2006/relationships/hyperlink" Target="http://shop-masterinc.kz/photo/7778.jpg" TargetMode="External"/><Relationship Id="rId1688" Type="http://schemas.openxmlformats.org/officeDocument/2006/relationships/hyperlink" Target="http://shop-masterinc.kz/photo/9134.jpg" TargetMode="External"/><Relationship Id="rId1895" Type="http://schemas.openxmlformats.org/officeDocument/2006/relationships/hyperlink" Target="http://shop-masterinc.kz/photo/10337.jpg" TargetMode="External"/><Relationship Id="rId613" Type="http://schemas.openxmlformats.org/officeDocument/2006/relationships/hyperlink" Target="http://shop-masterinc.kz/photo/948.jpg" TargetMode="External"/><Relationship Id="rId820" Type="http://schemas.openxmlformats.org/officeDocument/2006/relationships/hyperlink" Target="http://shop-masterinc.kz/photo/1397.jpg" TargetMode="External"/><Relationship Id="rId918" Type="http://schemas.openxmlformats.org/officeDocument/2006/relationships/hyperlink" Target="http://shop-masterinc.kz/photo/6847.jpg" TargetMode="External"/><Relationship Id="rId1450" Type="http://schemas.openxmlformats.org/officeDocument/2006/relationships/hyperlink" Target="http://shop-masterinc.kz/photo/737.jpg" TargetMode="External"/><Relationship Id="rId1548" Type="http://schemas.openxmlformats.org/officeDocument/2006/relationships/hyperlink" Target="http://shop-masterinc.kz/photo/7564.jpg" TargetMode="External"/><Relationship Id="rId1755" Type="http://schemas.openxmlformats.org/officeDocument/2006/relationships/hyperlink" Target="http://shop-masterinc.kz/photo/4675.jpg" TargetMode="External"/><Relationship Id="rId1103" Type="http://schemas.openxmlformats.org/officeDocument/2006/relationships/hyperlink" Target="http://shop-masterinc.kz/photo/10306.jpg" TargetMode="External"/><Relationship Id="rId1310" Type="http://schemas.openxmlformats.org/officeDocument/2006/relationships/hyperlink" Target="http://shop-masterinc.kz/photo/6787.jpg" TargetMode="External"/><Relationship Id="rId1408" Type="http://schemas.openxmlformats.org/officeDocument/2006/relationships/hyperlink" Target="http://shop-masterinc.kz/photo/4334.jpg" TargetMode="External"/><Relationship Id="rId1962" Type="http://schemas.openxmlformats.org/officeDocument/2006/relationships/hyperlink" Target="http://shop-masterinc.kz/photo/7869.jpg" TargetMode="External"/><Relationship Id="rId47" Type="http://schemas.openxmlformats.org/officeDocument/2006/relationships/hyperlink" Target="http://shop-masterinc.kz/photo/7940.jpg" TargetMode="External"/><Relationship Id="rId1615" Type="http://schemas.openxmlformats.org/officeDocument/2006/relationships/hyperlink" Target="http://shop-masterinc.kz/photo/6581.jpg" TargetMode="External"/><Relationship Id="rId1822" Type="http://schemas.openxmlformats.org/officeDocument/2006/relationships/hyperlink" Target="http://shop-masterinc.kz/photo/8602.jpg" TargetMode="External"/><Relationship Id="rId196" Type="http://schemas.openxmlformats.org/officeDocument/2006/relationships/hyperlink" Target="http://shop-masterinc.kz/photo/4991.jpg" TargetMode="External"/><Relationship Id="rId2084" Type="http://schemas.openxmlformats.org/officeDocument/2006/relationships/hyperlink" Target="http://shop-masterinc.kz/photo/10250.jpg" TargetMode="External"/><Relationship Id="rId263" Type="http://schemas.openxmlformats.org/officeDocument/2006/relationships/hyperlink" Target="http://shop-masterinc.kz/photo/6445.jpg" TargetMode="External"/><Relationship Id="rId470" Type="http://schemas.openxmlformats.org/officeDocument/2006/relationships/hyperlink" Target="http://shop-masterinc.kz/photo/3347.jpg" TargetMode="External"/><Relationship Id="rId2151" Type="http://schemas.openxmlformats.org/officeDocument/2006/relationships/hyperlink" Target="http://shop-masterinc.kz/photo/10311.jpg" TargetMode="External"/><Relationship Id="rId123" Type="http://schemas.openxmlformats.org/officeDocument/2006/relationships/hyperlink" Target="http://shop-masterinc.kz/photo/7751.jpg" TargetMode="External"/><Relationship Id="rId330" Type="http://schemas.openxmlformats.org/officeDocument/2006/relationships/hyperlink" Target="http://shop-masterinc.kz/photo/6325.jpg" TargetMode="External"/><Relationship Id="rId568" Type="http://schemas.openxmlformats.org/officeDocument/2006/relationships/hyperlink" Target="http://shop-masterinc.kz/photo/7380.jpg" TargetMode="External"/><Relationship Id="rId775" Type="http://schemas.openxmlformats.org/officeDocument/2006/relationships/hyperlink" Target="http://shop-masterinc.kz/photo/7968.jpg" TargetMode="External"/><Relationship Id="rId982" Type="http://schemas.openxmlformats.org/officeDocument/2006/relationships/hyperlink" Target="http://shop-masterinc.kz/photo/4355.jpg" TargetMode="External"/><Relationship Id="rId1198" Type="http://schemas.openxmlformats.org/officeDocument/2006/relationships/hyperlink" Target="http://shop-masterinc.kz/photo/6924.jpg" TargetMode="External"/><Relationship Id="rId2011" Type="http://schemas.openxmlformats.org/officeDocument/2006/relationships/hyperlink" Target="http://shop-masterinc.kz/photo/656.jpg" TargetMode="External"/><Relationship Id="rId428" Type="http://schemas.openxmlformats.org/officeDocument/2006/relationships/hyperlink" Target="http://shop-masterinc.kz/photo/450.jpg" TargetMode="External"/><Relationship Id="rId635" Type="http://schemas.openxmlformats.org/officeDocument/2006/relationships/hyperlink" Target="http://shop-masterinc.kz/photo/3363.jpg" TargetMode="External"/><Relationship Id="rId842" Type="http://schemas.openxmlformats.org/officeDocument/2006/relationships/hyperlink" Target="http://shop-masterinc.kz/photo/1542.jpg" TargetMode="External"/><Relationship Id="rId1058" Type="http://schemas.openxmlformats.org/officeDocument/2006/relationships/hyperlink" Target="http://shop-masterinc.kz/photo/1621.jpg" TargetMode="External"/><Relationship Id="rId1265" Type="http://schemas.openxmlformats.org/officeDocument/2006/relationships/hyperlink" Target="http://shop-masterinc.kz/photo/3848.jpg" TargetMode="External"/><Relationship Id="rId1472" Type="http://schemas.openxmlformats.org/officeDocument/2006/relationships/hyperlink" Target="http://shop-masterinc.kz/photo/6023.jpg" TargetMode="External"/><Relationship Id="rId2109" Type="http://schemas.openxmlformats.org/officeDocument/2006/relationships/hyperlink" Target="http://shop-masterinc.kz/photo/9994.jpg" TargetMode="External"/><Relationship Id="rId702" Type="http://schemas.openxmlformats.org/officeDocument/2006/relationships/hyperlink" Target="http://shop-masterinc.kz/photo/8076.jpg" TargetMode="External"/><Relationship Id="rId1125" Type="http://schemas.openxmlformats.org/officeDocument/2006/relationships/hyperlink" Target="http://shop-masterinc.kz/photo/4347.jpg" TargetMode="External"/><Relationship Id="rId1332" Type="http://schemas.openxmlformats.org/officeDocument/2006/relationships/hyperlink" Target="http://shop-masterinc.kz/photo/1732.jpg" TargetMode="External"/><Relationship Id="rId1777" Type="http://schemas.openxmlformats.org/officeDocument/2006/relationships/hyperlink" Target="http://shop-masterinc.kz/photo/10118.jpg" TargetMode="External"/><Relationship Id="rId1984" Type="http://schemas.openxmlformats.org/officeDocument/2006/relationships/hyperlink" Target="http://shop-masterinc.kz/photo/7065.jpg" TargetMode="External"/><Relationship Id="rId69" Type="http://schemas.openxmlformats.org/officeDocument/2006/relationships/hyperlink" Target="http://shop-masterinc.kz/photo/9480.jpg" TargetMode="External"/><Relationship Id="rId1637" Type="http://schemas.openxmlformats.org/officeDocument/2006/relationships/hyperlink" Target="http://shop-masterinc.kz/photo/3230.jpg" TargetMode="External"/><Relationship Id="rId1844" Type="http://schemas.openxmlformats.org/officeDocument/2006/relationships/hyperlink" Target="http://shop-masterinc.kz/photo/9863.jpg" TargetMode="External"/><Relationship Id="rId1704" Type="http://schemas.openxmlformats.org/officeDocument/2006/relationships/hyperlink" Target="http://shop-masterinc.kz/photo/6540.jpg" TargetMode="External"/><Relationship Id="rId285" Type="http://schemas.openxmlformats.org/officeDocument/2006/relationships/hyperlink" Target="http://shop-masterinc.kz/photo/3572.jpg" TargetMode="External"/><Relationship Id="rId1911" Type="http://schemas.openxmlformats.org/officeDocument/2006/relationships/hyperlink" Target="http://shop-masterinc.kz/photo/7988.jpg" TargetMode="External"/><Relationship Id="rId492" Type="http://schemas.openxmlformats.org/officeDocument/2006/relationships/hyperlink" Target="http://shop-masterinc.kz/photo/1494.jpg" TargetMode="External"/><Relationship Id="rId797" Type="http://schemas.openxmlformats.org/officeDocument/2006/relationships/hyperlink" Target="http://shop-masterinc.kz/photo/5667.jpg" TargetMode="External"/><Relationship Id="rId145" Type="http://schemas.openxmlformats.org/officeDocument/2006/relationships/hyperlink" Target="http://shop-masterinc.kz/photo/7737.jpg" TargetMode="External"/><Relationship Id="rId352" Type="http://schemas.openxmlformats.org/officeDocument/2006/relationships/hyperlink" Target="http://shop-masterinc.kz/photo/6317.jpg" TargetMode="External"/><Relationship Id="rId1287" Type="http://schemas.openxmlformats.org/officeDocument/2006/relationships/hyperlink" Target="http://shop-masterinc.kz/photo/4705.jpg" TargetMode="External"/><Relationship Id="rId2033" Type="http://schemas.openxmlformats.org/officeDocument/2006/relationships/hyperlink" Target="http://shop-masterinc.kz/photo/6769.jpg" TargetMode="External"/><Relationship Id="rId212" Type="http://schemas.openxmlformats.org/officeDocument/2006/relationships/hyperlink" Target="http://shop-masterinc.kz/photo/5356.jpg" TargetMode="External"/><Relationship Id="rId657" Type="http://schemas.openxmlformats.org/officeDocument/2006/relationships/hyperlink" Target="http://shop-masterinc.kz/photo/4768.jpg" TargetMode="External"/><Relationship Id="rId864" Type="http://schemas.openxmlformats.org/officeDocument/2006/relationships/hyperlink" Target="http://shop-masterinc.kz/photo/6241.jpg" TargetMode="External"/><Relationship Id="rId1494" Type="http://schemas.openxmlformats.org/officeDocument/2006/relationships/hyperlink" Target="http://shop-masterinc.kz/photo/7576.jpg" TargetMode="External"/><Relationship Id="rId1799" Type="http://schemas.openxmlformats.org/officeDocument/2006/relationships/hyperlink" Target="http://shop-masterinc.kz/photo/9706.jpg" TargetMode="External"/><Relationship Id="rId2100" Type="http://schemas.openxmlformats.org/officeDocument/2006/relationships/hyperlink" Target="http://shop-masterinc.kz/photo/10173.jpg" TargetMode="External"/><Relationship Id="rId517" Type="http://schemas.openxmlformats.org/officeDocument/2006/relationships/hyperlink" Target="http://shop-masterinc.kz/photo/5139.jpg" TargetMode="External"/><Relationship Id="rId724" Type="http://schemas.openxmlformats.org/officeDocument/2006/relationships/hyperlink" Target="http://shop-masterinc.kz/photo/3303.jpg" TargetMode="External"/><Relationship Id="rId931" Type="http://schemas.openxmlformats.org/officeDocument/2006/relationships/hyperlink" Target="http://shop-masterinc.kz/photo/49.jpg" TargetMode="External"/><Relationship Id="rId1147" Type="http://schemas.openxmlformats.org/officeDocument/2006/relationships/hyperlink" Target="http://shop-masterinc.kz/photo/8697.jpg" TargetMode="External"/><Relationship Id="rId1354" Type="http://schemas.openxmlformats.org/officeDocument/2006/relationships/hyperlink" Target="http://shop-masterinc.kz/photo/1520.jpg" TargetMode="External"/><Relationship Id="rId1561" Type="http://schemas.openxmlformats.org/officeDocument/2006/relationships/hyperlink" Target="http://shop-masterinc.kz/photo/6940.jpg" TargetMode="External"/><Relationship Id="rId60" Type="http://schemas.openxmlformats.org/officeDocument/2006/relationships/hyperlink" Target="http://shop-masterinc.kz/photo/10062.jpg" TargetMode="External"/><Relationship Id="rId1007" Type="http://schemas.openxmlformats.org/officeDocument/2006/relationships/hyperlink" Target="http://shop-masterinc.kz/photo/9918.jpg" TargetMode="External"/><Relationship Id="rId1214" Type="http://schemas.openxmlformats.org/officeDocument/2006/relationships/hyperlink" Target="http://shop-masterinc.kz/photo/3902.jpg" TargetMode="External"/><Relationship Id="rId1421" Type="http://schemas.openxmlformats.org/officeDocument/2006/relationships/hyperlink" Target="http://shop-masterinc.kz/photo/10147.jpg" TargetMode="External"/><Relationship Id="rId1659" Type="http://schemas.openxmlformats.org/officeDocument/2006/relationships/hyperlink" Target="http://shop-masterinc.kz/photo/771.jpg" TargetMode="External"/><Relationship Id="rId1866" Type="http://schemas.openxmlformats.org/officeDocument/2006/relationships/hyperlink" Target="http://shop-masterinc.kz/photo/6052.jpg" TargetMode="External"/><Relationship Id="rId1519" Type="http://schemas.openxmlformats.org/officeDocument/2006/relationships/hyperlink" Target="http://shop-masterinc.kz/photo/10090.jpg" TargetMode="External"/><Relationship Id="rId1726" Type="http://schemas.openxmlformats.org/officeDocument/2006/relationships/hyperlink" Target="http://shop-masterinc.kz/photo/9636.jpg" TargetMode="External"/><Relationship Id="rId1933" Type="http://schemas.openxmlformats.org/officeDocument/2006/relationships/hyperlink" Target="http://shop-masterinc.kz/photo/8631.jpg" TargetMode="External"/><Relationship Id="rId18" Type="http://schemas.openxmlformats.org/officeDocument/2006/relationships/hyperlink" Target="http://shop-masterinc.kz/photo/6253.jpg" TargetMode="External"/><Relationship Id="rId167" Type="http://schemas.openxmlformats.org/officeDocument/2006/relationships/hyperlink" Target="http://shop-masterinc.kz/photo/8079.jpg" TargetMode="External"/><Relationship Id="rId374" Type="http://schemas.openxmlformats.org/officeDocument/2006/relationships/hyperlink" Target="http://shop-masterinc.kz/photo/3701.jpg" TargetMode="External"/><Relationship Id="rId581" Type="http://schemas.openxmlformats.org/officeDocument/2006/relationships/hyperlink" Target="http://shop-masterinc.kz/photo/8525.jpg" TargetMode="External"/><Relationship Id="rId2055" Type="http://schemas.openxmlformats.org/officeDocument/2006/relationships/hyperlink" Target="http://shop-masterinc.kz/photo/3028.jpg" TargetMode="External"/><Relationship Id="rId234" Type="http://schemas.openxmlformats.org/officeDocument/2006/relationships/hyperlink" Target="http://shop-masterinc.kz/photo/9307.jpg" TargetMode="External"/><Relationship Id="rId679" Type="http://schemas.openxmlformats.org/officeDocument/2006/relationships/hyperlink" Target="http://shop-masterinc.kz/photo/3091.jpg" TargetMode="External"/><Relationship Id="rId886" Type="http://schemas.openxmlformats.org/officeDocument/2006/relationships/hyperlink" Target="http://shop-masterinc.kz/photo/5331.jpg" TargetMode="External"/><Relationship Id="rId2" Type="http://schemas.openxmlformats.org/officeDocument/2006/relationships/hyperlink" Target="mailto:Lomond.info@mail.ru?subject=&#1079;&#1072;&#1087;&#1088;&#1086;&#1089;%20&#1087;&#1088;&#1086;&#1076;&#1091;&#1082;&#1094;&#1080;&#1080;%20Lomond" TargetMode="External"/><Relationship Id="rId441" Type="http://schemas.openxmlformats.org/officeDocument/2006/relationships/hyperlink" Target="http://shop-masterinc.kz/photo/4479.jpg" TargetMode="External"/><Relationship Id="rId539" Type="http://schemas.openxmlformats.org/officeDocument/2006/relationships/hyperlink" Target="http://shop-masterinc.kz/photo/559.jpg" TargetMode="External"/><Relationship Id="rId746" Type="http://schemas.openxmlformats.org/officeDocument/2006/relationships/hyperlink" Target="http://shop-masterinc.kz/photo/1125.jpg" TargetMode="External"/><Relationship Id="rId1071" Type="http://schemas.openxmlformats.org/officeDocument/2006/relationships/hyperlink" Target="http://shop-masterinc.kz/photo/790.jpg" TargetMode="External"/><Relationship Id="rId1169" Type="http://schemas.openxmlformats.org/officeDocument/2006/relationships/hyperlink" Target="http://shop-masterinc.kz/photo/3989.jpg" TargetMode="External"/><Relationship Id="rId1376" Type="http://schemas.openxmlformats.org/officeDocument/2006/relationships/hyperlink" Target="http://shop-masterinc.kz/photo/4906.jpg" TargetMode="External"/><Relationship Id="rId1583" Type="http://schemas.openxmlformats.org/officeDocument/2006/relationships/hyperlink" Target="http://shop-masterinc.kz/photo/8414.jpg" TargetMode="External"/><Relationship Id="rId2122" Type="http://schemas.openxmlformats.org/officeDocument/2006/relationships/hyperlink" Target="http://shop-masterinc.kz/photo/9464.jpg" TargetMode="External"/><Relationship Id="rId301" Type="http://schemas.openxmlformats.org/officeDocument/2006/relationships/hyperlink" Target="http://shop-masterinc.kz/photo/5224.jpg" TargetMode="External"/><Relationship Id="rId953" Type="http://schemas.openxmlformats.org/officeDocument/2006/relationships/hyperlink" Target="http://shop-masterinc.kz/photo/8065.jpg" TargetMode="External"/><Relationship Id="rId1029" Type="http://schemas.openxmlformats.org/officeDocument/2006/relationships/hyperlink" Target="http://shop-masterinc.kz/photo/6336.jpg" TargetMode="External"/><Relationship Id="rId1236" Type="http://schemas.openxmlformats.org/officeDocument/2006/relationships/hyperlink" Target="http://shop-masterinc.kz/photo/919.jpg" TargetMode="External"/><Relationship Id="rId1790" Type="http://schemas.openxmlformats.org/officeDocument/2006/relationships/hyperlink" Target="http://shop-masterinc.kz/photo/7502.jpg" TargetMode="External"/><Relationship Id="rId1888" Type="http://schemas.openxmlformats.org/officeDocument/2006/relationships/hyperlink" Target="http://shop-masterinc.kz/photo/7929.jpg" TargetMode="External"/><Relationship Id="rId82" Type="http://schemas.openxmlformats.org/officeDocument/2006/relationships/hyperlink" Target="http://shop-masterinc.kz/photo/8864.jpg" TargetMode="External"/><Relationship Id="rId606" Type="http://schemas.openxmlformats.org/officeDocument/2006/relationships/hyperlink" Target="http://shop-masterinc.kz/photo/9505.jpg" TargetMode="External"/><Relationship Id="rId813" Type="http://schemas.openxmlformats.org/officeDocument/2006/relationships/hyperlink" Target="http://shop-masterinc.kz/photo/8439.jpg" TargetMode="External"/><Relationship Id="rId1443" Type="http://schemas.openxmlformats.org/officeDocument/2006/relationships/hyperlink" Target="http://shop-masterinc.kz/photo/9550.jpg" TargetMode="External"/><Relationship Id="rId1650" Type="http://schemas.openxmlformats.org/officeDocument/2006/relationships/hyperlink" Target="http://shop-masterinc.kz/photo/6656.jpg" TargetMode="External"/><Relationship Id="rId1748" Type="http://schemas.openxmlformats.org/officeDocument/2006/relationships/hyperlink" Target="http://shop-masterinc.kz/photo/6578.jpg" TargetMode="External"/><Relationship Id="rId1303" Type="http://schemas.openxmlformats.org/officeDocument/2006/relationships/hyperlink" Target="http://shop-masterinc.kz/photo/3518.jpg" TargetMode="External"/><Relationship Id="rId1510" Type="http://schemas.openxmlformats.org/officeDocument/2006/relationships/hyperlink" Target="http://shop-masterinc.kz/photo/7344.jpg" TargetMode="External"/><Relationship Id="rId1955" Type="http://schemas.openxmlformats.org/officeDocument/2006/relationships/hyperlink" Target="http://shop-masterinc.kz/photo/9121.jpg" TargetMode="External"/><Relationship Id="rId1608" Type="http://schemas.openxmlformats.org/officeDocument/2006/relationships/hyperlink" Target="http://shop-masterinc.kz/photo/6573.jpg" TargetMode="External"/><Relationship Id="rId1815" Type="http://schemas.openxmlformats.org/officeDocument/2006/relationships/hyperlink" Target="http://shop-masterinc.kz/photo/9041.jpg" TargetMode="External"/><Relationship Id="rId189" Type="http://schemas.openxmlformats.org/officeDocument/2006/relationships/hyperlink" Target="http://shop-masterinc.kz/photo/7472.jpg" TargetMode="External"/><Relationship Id="rId396" Type="http://schemas.openxmlformats.org/officeDocument/2006/relationships/hyperlink" Target="http://shop-masterinc.kz/photo/1040.jpg" TargetMode="External"/><Relationship Id="rId2077" Type="http://schemas.openxmlformats.org/officeDocument/2006/relationships/hyperlink" Target="http://shop-masterinc.kz/photo/10233.jpg" TargetMode="External"/><Relationship Id="rId256" Type="http://schemas.openxmlformats.org/officeDocument/2006/relationships/hyperlink" Target="http://shop-masterinc.kz/photo/6836.jpg" TargetMode="External"/><Relationship Id="rId463" Type="http://schemas.openxmlformats.org/officeDocument/2006/relationships/hyperlink" Target="http://shop-masterinc.kz/photo/3669.jpg" TargetMode="External"/><Relationship Id="rId670" Type="http://schemas.openxmlformats.org/officeDocument/2006/relationships/hyperlink" Target="http://shop-masterinc.kz/photo/7671.jpg" TargetMode="External"/><Relationship Id="rId1093" Type="http://schemas.openxmlformats.org/officeDocument/2006/relationships/hyperlink" Target="http://shop-masterinc.kz/photo/5275.jpg" TargetMode="External"/><Relationship Id="rId2144" Type="http://schemas.openxmlformats.org/officeDocument/2006/relationships/hyperlink" Target="http://shop-masterinc.kz/photo/9321.jpg" TargetMode="External"/><Relationship Id="rId116" Type="http://schemas.openxmlformats.org/officeDocument/2006/relationships/hyperlink" Target="http://shop-masterinc.kz/photo/7754.jpg" TargetMode="External"/><Relationship Id="rId323" Type="http://schemas.openxmlformats.org/officeDocument/2006/relationships/hyperlink" Target="http://shop-masterinc.kz/photo/8997.jpg" TargetMode="External"/><Relationship Id="rId530" Type="http://schemas.openxmlformats.org/officeDocument/2006/relationships/hyperlink" Target="http://shop-masterinc.kz/photo/5164.jpg" TargetMode="External"/><Relationship Id="rId768" Type="http://schemas.openxmlformats.org/officeDocument/2006/relationships/hyperlink" Target="http://shop-masterinc.kz/photo/7832.jpg" TargetMode="External"/><Relationship Id="rId975" Type="http://schemas.openxmlformats.org/officeDocument/2006/relationships/hyperlink" Target="http://shop-masterinc.kz/photo/3665.jpg" TargetMode="External"/><Relationship Id="rId1160" Type="http://schemas.openxmlformats.org/officeDocument/2006/relationships/hyperlink" Target="http://shop-masterinc.kz/photo/9696.jpg" TargetMode="External"/><Relationship Id="rId1398" Type="http://schemas.openxmlformats.org/officeDocument/2006/relationships/hyperlink" Target="http://shop-masterinc.kz/photo/1184.jpg" TargetMode="External"/><Relationship Id="rId2004" Type="http://schemas.openxmlformats.org/officeDocument/2006/relationships/hyperlink" Target="http://shop-masterinc.kz/photo/5460.jpg" TargetMode="External"/><Relationship Id="rId628" Type="http://schemas.openxmlformats.org/officeDocument/2006/relationships/hyperlink" Target="http://shop-masterinc.kz/photo/1614.jpg" TargetMode="External"/><Relationship Id="rId835" Type="http://schemas.openxmlformats.org/officeDocument/2006/relationships/hyperlink" Target="http://shop-masterinc.kz/photo/5835.jpg" TargetMode="External"/><Relationship Id="rId1258" Type="http://schemas.openxmlformats.org/officeDocument/2006/relationships/hyperlink" Target="http://shop-masterinc.kz/photo/8760.jpg" TargetMode="External"/><Relationship Id="rId1465" Type="http://schemas.openxmlformats.org/officeDocument/2006/relationships/hyperlink" Target="http://shop-masterinc.kz/photo/5528.jpg" TargetMode="External"/><Relationship Id="rId1672" Type="http://schemas.openxmlformats.org/officeDocument/2006/relationships/hyperlink" Target="http://shop-masterinc.kz/photo/6209.jpg" TargetMode="External"/><Relationship Id="rId1020" Type="http://schemas.openxmlformats.org/officeDocument/2006/relationships/hyperlink" Target="http://shop-masterinc.kz/photo/10256.jpg" TargetMode="External"/><Relationship Id="rId1118" Type="http://schemas.openxmlformats.org/officeDocument/2006/relationships/hyperlink" Target="http://shop-masterinc.kz/photo/6508.jpg" TargetMode="External"/><Relationship Id="rId1325" Type="http://schemas.openxmlformats.org/officeDocument/2006/relationships/hyperlink" Target="http://shop-masterinc.kz/photo/1416.jpg" TargetMode="External"/><Relationship Id="rId1532" Type="http://schemas.openxmlformats.org/officeDocument/2006/relationships/hyperlink" Target="http://shop-masterinc.kz/photo/7481.jpg" TargetMode="External"/><Relationship Id="rId1977" Type="http://schemas.openxmlformats.org/officeDocument/2006/relationships/hyperlink" Target="http://shop-masterinc.kz/photo/9103.jpg" TargetMode="External"/><Relationship Id="rId902" Type="http://schemas.openxmlformats.org/officeDocument/2006/relationships/hyperlink" Target="http://shop-masterinc.kz/photo/6607.jpg" TargetMode="External"/><Relationship Id="rId1837" Type="http://schemas.openxmlformats.org/officeDocument/2006/relationships/hyperlink" Target="http://shop-masterinc.kz/photo/8338.jpg" TargetMode="External"/><Relationship Id="rId31" Type="http://schemas.openxmlformats.org/officeDocument/2006/relationships/hyperlink" Target="http://shop-masterinc.kz/photo/6107.jpg" TargetMode="External"/><Relationship Id="rId2099" Type="http://schemas.openxmlformats.org/officeDocument/2006/relationships/hyperlink" Target="http://shop-masterinc.kz/photo/10004.jpg" TargetMode="External"/><Relationship Id="rId180" Type="http://schemas.openxmlformats.org/officeDocument/2006/relationships/hyperlink" Target="http://shop-masterinc.kz/photo/527.jpg" TargetMode="External"/><Relationship Id="rId278" Type="http://schemas.openxmlformats.org/officeDocument/2006/relationships/hyperlink" Target="http://shop-masterinc.kz/photo/3218.jpg" TargetMode="External"/><Relationship Id="rId1904" Type="http://schemas.openxmlformats.org/officeDocument/2006/relationships/hyperlink" Target="http://shop-masterinc.kz/photo/10016.jpg" TargetMode="External"/><Relationship Id="rId485" Type="http://schemas.openxmlformats.org/officeDocument/2006/relationships/hyperlink" Target="http://shop-masterinc.kz/photo/5618.jpg" TargetMode="External"/><Relationship Id="rId692" Type="http://schemas.openxmlformats.org/officeDocument/2006/relationships/hyperlink" Target="http://shop-masterinc.kz/photo/1515.jpg" TargetMode="External"/><Relationship Id="rId138" Type="http://schemas.openxmlformats.org/officeDocument/2006/relationships/hyperlink" Target="http://shop-masterinc.kz/photo/8390.jpg" TargetMode="External"/><Relationship Id="rId345" Type="http://schemas.openxmlformats.org/officeDocument/2006/relationships/hyperlink" Target="http://shop-masterinc.kz/photo/8880.jpg" TargetMode="External"/><Relationship Id="rId552" Type="http://schemas.openxmlformats.org/officeDocument/2006/relationships/hyperlink" Target="http://shop-masterinc.kz/photo/7039.jpg" TargetMode="External"/><Relationship Id="rId997" Type="http://schemas.openxmlformats.org/officeDocument/2006/relationships/hyperlink" Target="http://shop-masterinc.kz/photo/10290.jpg" TargetMode="External"/><Relationship Id="rId1182" Type="http://schemas.openxmlformats.org/officeDocument/2006/relationships/hyperlink" Target="http://shop-masterinc.kz/photo/55.jpg" TargetMode="External"/><Relationship Id="rId2026" Type="http://schemas.openxmlformats.org/officeDocument/2006/relationships/hyperlink" Target="http://shop-masterinc.kz/photo/697.jpg" TargetMode="External"/><Relationship Id="rId205" Type="http://schemas.openxmlformats.org/officeDocument/2006/relationships/hyperlink" Target="http://shop-masterinc.kz/photo/9396.jpg" TargetMode="External"/><Relationship Id="rId412" Type="http://schemas.openxmlformats.org/officeDocument/2006/relationships/hyperlink" Target="http://shop-masterinc.kz/photo/7793.jpg" TargetMode="External"/><Relationship Id="rId857" Type="http://schemas.openxmlformats.org/officeDocument/2006/relationships/hyperlink" Target="http://shop-masterinc.kz/photo/8648.jpg" TargetMode="External"/><Relationship Id="rId1042" Type="http://schemas.openxmlformats.org/officeDocument/2006/relationships/hyperlink" Target="http://shop-masterinc.kz/photo/8103.jpg" TargetMode="External"/><Relationship Id="rId1487" Type="http://schemas.openxmlformats.org/officeDocument/2006/relationships/hyperlink" Target="http://shop-masterinc.kz/photo/7568.jpg" TargetMode="External"/><Relationship Id="rId1694" Type="http://schemas.openxmlformats.org/officeDocument/2006/relationships/hyperlink" Target="http://shop-masterinc.kz/photo/4263.jpg" TargetMode="External"/><Relationship Id="rId717" Type="http://schemas.openxmlformats.org/officeDocument/2006/relationships/hyperlink" Target="http://shop-masterinc.kz/photo/865.jpg" TargetMode="External"/><Relationship Id="rId924" Type="http://schemas.openxmlformats.org/officeDocument/2006/relationships/hyperlink" Target="http://shop-masterinc.kz/photo/189.jpg" TargetMode="External"/><Relationship Id="rId1347" Type="http://schemas.openxmlformats.org/officeDocument/2006/relationships/hyperlink" Target="http://shop-masterinc.kz/photo/8712.jpg" TargetMode="External"/><Relationship Id="rId1554" Type="http://schemas.openxmlformats.org/officeDocument/2006/relationships/hyperlink" Target="http://shop-masterinc.kz/photo/9329.jpg" TargetMode="External"/><Relationship Id="rId1761" Type="http://schemas.openxmlformats.org/officeDocument/2006/relationships/hyperlink" Target="http://shop-masterinc.kz/photo/3829.jpg" TargetMode="External"/><Relationship Id="rId1999" Type="http://schemas.openxmlformats.org/officeDocument/2006/relationships/hyperlink" Target="http://shop-masterinc.kz/photo/1120.jpg" TargetMode="External"/><Relationship Id="rId53" Type="http://schemas.openxmlformats.org/officeDocument/2006/relationships/hyperlink" Target="http://shop-masterinc.kz/photo/7941.jpg" TargetMode="External"/><Relationship Id="rId1207" Type="http://schemas.openxmlformats.org/officeDocument/2006/relationships/hyperlink" Target="http://shop-masterinc.kz/photo/983.jpg" TargetMode="External"/><Relationship Id="rId1414" Type="http://schemas.openxmlformats.org/officeDocument/2006/relationships/hyperlink" Target="http://shop-masterinc.kz/photo/7115.jpg" TargetMode="External"/><Relationship Id="rId1621" Type="http://schemas.openxmlformats.org/officeDocument/2006/relationships/hyperlink" Target="http://shop-masterinc.kz/photo/8327.jpg" TargetMode="External"/><Relationship Id="rId1859" Type="http://schemas.openxmlformats.org/officeDocument/2006/relationships/hyperlink" Target="http://shop-masterinc.kz/photo/7510.jpg" TargetMode="External"/><Relationship Id="rId1719" Type="http://schemas.openxmlformats.org/officeDocument/2006/relationships/hyperlink" Target="http://shop-masterinc.kz/photo/5989.jpg" TargetMode="External"/><Relationship Id="rId1926" Type="http://schemas.openxmlformats.org/officeDocument/2006/relationships/hyperlink" Target="http://shop-masterinc.kz/photo/8244.jpg" TargetMode="External"/><Relationship Id="rId2090" Type="http://schemas.openxmlformats.org/officeDocument/2006/relationships/hyperlink" Target="http://shop-masterinc.kz/photo/10202.jpg" TargetMode="External"/><Relationship Id="rId367" Type="http://schemas.openxmlformats.org/officeDocument/2006/relationships/hyperlink" Target="http://shop-masterinc.kz/photo/6366.jpg" TargetMode="External"/><Relationship Id="rId574" Type="http://schemas.openxmlformats.org/officeDocument/2006/relationships/hyperlink" Target="http://shop-masterinc.kz/photo/5093.jpg" TargetMode="External"/><Relationship Id="rId2048" Type="http://schemas.openxmlformats.org/officeDocument/2006/relationships/hyperlink" Target="http://shop-masterinc.kz/photo/4310.jpg" TargetMode="External"/><Relationship Id="rId227" Type="http://schemas.openxmlformats.org/officeDocument/2006/relationships/hyperlink" Target="http://shop-masterinc.kz/photo/5393.jpg" TargetMode="External"/><Relationship Id="rId781" Type="http://schemas.openxmlformats.org/officeDocument/2006/relationships/hyperlink" Target="http://shop-masterinc.kz/photo/8322.jpg" TargetMode="External"/><Relationship Id="rId879" Type="http://schemas.openxmlformats.org/officeDocument/2006/relationships/hyperlink" Target="http://shop-masterinc.kz/photo/5852.jpg" TargetMode="External"/><Relationship Id="rId434" Type="http://schemas.openxmlformats.org/officeDocument/2006/relationships/hyperlink" Target="http://shop-masterinc.kz/photo/7640.jpg" TargetMode="External"/><Relationship Id="rId641" Type="http://schemas.openxmlformats.org/officeDocument/2006/relationships/hyperlink" Target="http://shop-masterinc.kz/photo/3514.jpg" TargetMode="External"/><Relationship Id="rId739" Type="http://schemas.openxmlformats.org/officeDocument/2006/relationships/hyperlink" Target="http://shop-masterinc.kz/photo/7964.jpg" TargetMode="External"/><Relationship Id="rId1064" Type="http://schemas.openxmlformats.org/officeDocument/2006/relationships/hyperlink" Target="http://shop-masterinc.kz/photo/9239.jpg" TargetMode="External"/><Relationship Id="rId1271" Type="http://schemas.openxmlformats.org/officeDocument/2006/relationships/hyperlink" Target="http://shop-masterinc.kz/photo/7551.jpg" TargetMode="External"/><Relationship Id="rId1369" Type="http://schemas.openxmlformats.org/officeDocument/2006/relationships/hyperlink" Target="http://shop-masterinc.kz/photo/6532.jpg" TargetMode="External"/><Relationship Id="rId1576" Type="http://schemas.openxmlformats.org/officeDocument/2006/relationships/hyperlink" Target="http://shop-masterinc.kz/photo/8208.jpg" TargetMode="External"/><Relationship Id="rId2115" Type="http://schemas.openxmlformats.org/officeDocument/2006/relationships/hyperlink" Target="http://shop-masterinc.kz/photo/987.jpg" TargetMode="External"/><Relationship Id="rId501" Type="http://schemas.openxmlformats.org/officeDocument/2006/relationships/hyperlink" Target="http://shop-masterinc.kz/photo/5691.jpg" TargetMode="External"/><Relationship Id="rId946" Type="http://schemas.openxmlformats.org/officeDocument/2006/relationships/hyperlink" Target="http://shop-masterinc.kz/photo/4252.jpg" TargetMode="External"/><Relationship Id="rId1131" Type="http://schemas.openxmlformats.org/officeDocument/2006/relationships/hyperlink" Target="http://shop-masterinc.kz/photo/3626.jpg" TargetMode="External"/><Relationship Id="rId1229" Type="http://schemas.openxmlformats.org/officeDocument/2006/relationships/hyperlink" Target="http://shop-masterinc.kz/photo/8684.jpg" TargetMode="External"/><Relationship Id="rId1783" Type="http://schemas.openxmlformats.org/officeDocument/2006/relationships/hyperlink" Target="http://shop-masterinc.kz/photo/1088.jpg" TargetMode="External"/><Relationship Id="rId1990" Type="http://schemas.openxmlformats.org/officeDocument/2006/relationships/hyperlink" Target="http://shop-masterinc.kz/photo/5892.jpg" TargetMode="External"/><Relationship Id="rId75" Type="http://schemas.openxmlformats.org/officeDocument/2006/relationships/hyperlink" Target="http://shop-masterinc.kz/photo/8125.jpg" TargetMode="External"/><Relationship Id="rId806" Type="http://schemas.openxmlformats.org/officeDocument/2006/relationships/hyperlink" Target="http://shop-masterinc.kz/photo/8328.jpg" TargetMode="External"/><Relationship Id="rId1436" Type="http://schemas.openxmlformats.org/officeDocument/2006/relationships/hyperlink" Target="http://shop-masterinc.kz/photo/9280.jpg" TargetMode="External"/><Relationship Id="rId1643" Type="http://schemas.openxmlformats.org/officeDocument/2006/relationships/hyperlink" Target="http://shop-masterinc.kz/photo/4962.jpg" TargetMode="External"/><Relationship Id="rId1850" Type="http://schemas.openxmlformats.org/officeDocument/2006/relationships/hyperlink" Target="http://shop-masterinc.kz/photo/7193.jpg" TargetMode="External"/><Relationship Id="rId1503" Type="http://schemas.openxmlformats.org/officeDocument/2006/relationships/hyperlink" Target="http://shop-masterinc.kz/photo/9084.jpg" TargetMode="External"/><Relationship Id="rId1710" Type="http://schemas.openxmlformats.org/officeDocument/2006/relationships/hyperlink" Target="http://shop-masterinc.kz/photo/6249.jpg" TargetMode="External"/><Relationship Id="rId1948" Type="http://schemas.openxmlformats.org/officeDocument/2006/relationships/hyperlink" Target="http://shop-masterinc.kz/photo/9102.jpg" TargetMode="External"/><Relationship Id="rId291" Type="http://schemas.openxmlformats.org/officeDocument/2006/relationships/hyperlink" Target="http://shop-masterinc.kz/photo/5599.jpg" TargetMode="External"/><Relationship Id="rId1808" Type="http://schemas.openxmlformats.org/officeDocument/2006/relationships/hyperlink" Target="http://shop-masterinc.kz/photo/9916.jpg" TargetMode="External"/><Relationship Id="rId151" Type="http://schemas.openxmlformats.org/officeDocument/2006/relationships/hyperlink" Target="http://shop-masterinc.kz/photo/7740.jpg" TargetMode="External"/><Relationship Id="rId389" Type="http://schemas.openxmlformats.org/officeDocument/2006/relationships/hyperlink" Target="http://shop-masterinc.kz/photo/3087.jpg" TargetMode="External"/><Relationship Id="rId596" Type="http://schemas.openxmlformats.org/officeDocument/2006/relationships/hyperlink" Target="http://shop-masterinc.kz/photo/112.jpg" TargetMode="External"/><Relationship Id="rId249" Type="http://schemas.openxmlformats.org/officeDocument/2006/relationships/hyperlink" Target="http://shop-masterinc.kz/photo/6718.jpg" TargetMode="External"/><Relationship Id="rId456" Type="http://schemas.openxmlformats.org/officeDocument/2006/relationships/hyperlink" Target="http://shop-masterinc.kz/photo/3165.jpg" TargetMode="External"/><Relationship Id="rId663" Type="http://schemas.openxmlformats.org/officeDocument/2006/relationships/hyperlink" Target="http://shop-masterinc.kz/photo/6884.jpg" TargetMode="External"/><Relationship Id="rId870" Type="http://schemas.openxmlformats.org/officeDocument/2006/relationships/hyperlink" Target="http://shop-masterinc.kz/photo/1394.jpg" TargetMode="External"/><Relationship Id="rId1086" Type="http://schemas.openxmlformats.org/officeDocument/2006/relationships/hyperlink" Target="http://shop-masterinc.kz/photo/5578.jpg" TargetMode="External"/><Relationship Id="rId1293" Type="http://schemas.openxmlformats.org/officeDocument/2006/relationships/hyperlink" Target="http://shop-masterinc.kz/photo/5406.jpg" TargetMode="External"/><Relationship Id="rId2137" Type="http://schemas.openxmlformats.org/officeDocument/2006/relationships/hyperlink" Target="http://shop-masterinc.kz/photo/9320.jpg" TargetMode="External"/><Relationship Id="rId109" Type="http://schemas.openxmlformats.org/officeDocument/2006/relationships/hyperlink" Target="http://shop-masterinc.kz/photo/8124.jpg" TargetMode="External"/><Relationship Id="rId316" Type="http://schemas.openxmlformats.org/officeDocument/2006/relationships/hyperlink" Target="http://shop-masterinc.kz/photo/3112.jpg" TargetMode="External"/><Relationship Id="rId523" Type="http://schemas.openxmlformats.org/officeDocument/2006/relationships/hyperlink" Target="http://shop-masterinc.kz/photo/4128.jpg" TargetMode="External"/><Relationship Id="rId968" Type="http://schemas.openxmlformats.org/officeDocument/2006/relationships/hyperlink" Target="http://shop-masterinc.kz/photo/6686.jpg" TargetMode="External"/><Relationship Id="rId1153" Type="http://schemas.openxmlformats.org/officeDocument/2006/relationships/hyperlink" Target="http://shop-masterinc.kz/photo/3506.jpg" TargetMode="External"/><Relationship Id="rId1598" Type="http://schemas.openxmlformats.org/officeDocument/2006/relationships/hyperlink" Target="http://shop-masterinc.kz/photo/8565.jpg" TargetMode="External"/><Relationship Id="rId97" Type="http://schemas.openxmlformats.org/officeDocument/2006/relationships/hyperlink" Target="http://shop-masterinc.kz/photo/7484.jpg" TargetMode="External"/><Relationship Id="rId730" Type="http://schemas.openxmlformats.org/officeDocument/2006/relationships/hyperlink" Target="http://shop-masterinc.kz/photo/5450.jpg" TargetMode="External"/><Relationship Id="rId828" Type="http://schemas.openxmlformats.org/officeDocument/2006/relationships/hyperlink" Target="http://shop-masterinc.kz/photo/858.jpg" TargetMode="External"/><Relationship Id="rId1013" Type="http://schemas.openxmlformats.org/officeDocument/2006/relationships/hyperlink" Target="http://shop-masterinc.kz/photo/6989.jpg" TargetMode="External"/><Relationship Id="rId1360" Type="http://schemas.openxmlformats.org/officeDocument/2006/relationships/hyperlink" Target="http://shop-masterinc.kz/photo/4697.jpg" TargetMode="External"/><Relationship Id="rId1458" Type="http://schemas.openxmlformats.org/officeDocument/2006/relationships/hyperlink" Target="http://shop-masterinc.kz/photo/7178.jpg" TargetMode="External"/><Relationship Id="rId1665" Type="http://schemas.openxmlformats.org/officeDocument/2006/relationships/hyperlink" Target="http://shop-masterinc.kz/photo/5858.jpg" TargetMode="External"/><Relationship Id="rId1872" Type="http://schemas.openxmlformats.org/officeDocument/2006/relationships/hyperlink" Target="http://shop-masterinc.kz/photo/6348.jpg" TargetMode="External"/><Relationship Id="rId1220" Type="http://schemas.openxmlformats.org/officeDocument/2006/relationships/hyperlink" Target="http://shop-masterinc.kz/photo/6273.jpg" TargetMode="External"/><Relationship Id="rId1318" Type="http://schemas.openxmlformats.org/officeDocument/2006/relationships/hyperlink" Target="http://shop-masterinc.kz/photo/1466.jpg" TargetMode="External"/><Relationship Id="rId1525" Type="http://schemas.openxmlformats.org/officeDocument/2006/relationships/hyperlink" Target="http://shop-masterinc.kz/photo/7595.jpg" TargetMode="External"/><Relationship Id="rId1732" Type="http://schemas.openxmlformats.org/officeDocument/2006/relationships/hyperlink" Target="http://shop-masterinc.kz/photo/7320.jpg" TargetMode="External"/><Relationship Id="rId24" Type="http://schemas.openxmlformats.org/officeDocument/2006/relationships/hyperlink" Target="http://shop-masterinc.kz/photo/6987.jpg" TargetMode="External"/><Relationship Id="rId173" Type="http://schemas.openxmlformats.org/officeDocument/2006/relationships/hyperlink" Target="http://shop-masterinc.kz/photo/7752.jpg" TargetMode="External"/><Relationship Id="rId380" Type="http://schemas.openxmlformats.org/officeDocument/2006/relationships/hyperlink" Target="http://shop-masterinc.kz/photo/9096.jpg" TargetMode="External"/><Relationship Id="rId2061" Type="http://schemas.openxmlformats.org/officeDocument/2006/relationships/hyperlink" Target="http://shop-masterinc.kz/photo/10153.jpg" TargetMode="External"/><Relationship Id="rId240" Type="http://schemas.openxmlformats.org/officeDocument/2006/relationships/hyperlink" Target="http://shop-masterinc.kz/photo/9633.jpg" TargetMode="External"/><Relationship Id="rId478" Type="http://schemas.openxmlformats.org/officeDocument/2006/relationships/hyperlink" Target="http://shop-masterinc.kz/photo/5087.jpg" TargetMode="External"/><Relationship Id="rId685" Type="http://schemas.openxmlformats.org/officeDocument/2006/relationships/hyperlink" Target="http://shop-masterinc.kz/photo/8096.jpg" TargetMode="External"/><Relationship Id="rId892" Type="http://schemas.openxmlformats.org/officeDocument/2006/relationships/hyperlink" Target="http://shop-masterinc.kz/photo/3507.jpg" TargetMode="External"/><Relationship Id="rId2159" Type="http://schemas.openxmlformats.org/officeDocument/2006/relationships/hyperlink" Target="http://shop-masterinc.kz/photo/7278.jpg" TargetMode="External"/><Relationship Id="rId100" Type="http://schemas.openxmlformats.org/officeDocument/2006/relationships/hyperlink" Target="http://shop-masterinc.kz/photo/7845.jpg" TargetMode="External"/><Relationship Id="rId338" Type="http://schemas.openxmlformats.org/officeDocument/2006/relationships/hyperlink" Target="http://shop-masterinc.kz/photo/4935.jpg" TargetMode="External"/><Relationship Id="rId545" Type="http://schemas.openxmlformats.org/officeDocument/2006/relationships/hyperlink" Target="http://shop-masterinc.kz/photo/7047.jpg" TargetMode="External"/><Relationship Id="rId752" Type="http://schemas.openxmlformats.org/officeDocument/2006/relationships/hyperlink" Target="http://shop-masterinc.kz/photo/9016.jpg" TargetMode="External"/><Relationship Id="rId1175" Type="http://schemas.openxmlformats.org/officeDocument/2006/relationships/hyperlink" Target="http://shop-masterinc.kz/photo/5743.jpg" TargetMode="External"/><Relationship Id="rId1382" Type="http://schemas.openxmlformats.org/officeDocument/2006/relationships/hyperlink" Target="http://shop-masterinc.kz/photo/1498.jpg" TargetMode="External"/><Relationship Id="rId2019" Type="http://schemas.openxmlformats.org/officeDocument/2006/relationships/hyperlink" Target="http://shop-masterinc.kz/photo/4741.jpg" TargetMode="External"/><Relationship Id="rId405" Type="http://schemas.openxmlformats.org/officeDocument/2006/relationships/hyperlink" Target="http://shop-masterinc.kz/photo/4780.jpg" TargetMode="External"/><Relationship Id="rId612" Type="http://schemas.openxmlformats.org/officeDocument/2006/relationships/hyperlink" Target="http://shop-masterinc.kz/photo/577.jpg" TargetMode="External"/><Relationship Id="rId1035" Type="http://schemas.openxmlformats.org/officeDocument/2006/relationships/hyperlink" Target="http://shop-masterinc.kz/photo/7108.jpg" TargetMode="External"/><Relationship Id="rId1242" Type="http://schemas.openxmlformats.org/officeDocument/2006/relationships/hyperlink" Target="http://shop-masterinc.kz/photo/3808.jpg" TargetMode="External"/><Relationship Id="rId1687" Type="http://schemas.openxmlformats.org/officeDocument/2006/relationships/hyperlink" Target="http://shop-masterinc.kz/photo/5615.jpg" TargetMode="External"/><Relationship Id="rId1894" Type="http://schemas.openxmlformats.org/officeDocument/2006/relationships/hyperlink" Target="http://shop-masterinc.kz/photo/10018.jpg" TargetMode="External"/><Relationship Id="rId917" Type="http://schemas.openxmlformats.org/officeDocument/2006/relationships/hyperlink" Target="http://shop-masterinc.kz/photo/6846.jpg" TargetMode="External"/><Relationship Id="rId1102" Type="http://schemas.openxmlformats.org/officeDocument/2006/relationships/hyperlink" Target="http://shop-masterinc.kz/photo/1346.jpg" TargetMode="External"/><Relationship Id="rId1547" Type="http://schemas.openxmlformats.org/officeDocument/2006/relationships/hyperlink" Target="http://shop-masterinc.kz/photo/9683.jpg" TargetMode="External"/><Relationship Id="rId1754" Type="http://schemas.openxmlformats.org/officeDocument/2006/relationships/hyperlink" Target="http://shop-masterinc.kz/photo/5727.jpg" TargetMode="External"/><Relationship Id="rId1961" Type="http://schemas.openxmlformats.org/officeDocument/2006/relationships/hyperlink" Target="http://shop-masterinc.kz/photo/7868.jpg" TargetMode="External"/><Relationship Id="rId46" Type="http://schemas.openxmlformats.org/officeDocument/2006/relationships/hyperlink" Target="http://shop-masterinc.kz/photo/6984.jpg" TargetMode="External"/><Relationship Id="rId1407" Type="http://schemas.openxmlformats.org/officeDocument/2006/relationships/hyperlink" Target="http://shop-masterinc.kz/photo/4670.jpg" TargetMode="External"/><Relationship Id="rId1614" Type="http://schemas.openxmlformats.org/officeDocument/2006/relationships/hyperlink" Target="http://shop-masterinc.kz/photo/6211.jpg" TargetMode="External"/><Relationship Id="rId1821" Type="http://schemas.openxmlformats.org/officeDocument/2006/relationships/hyperlink" Target="http://shop-masterinc.kz/photo/9765.jpg" TargetMode="External"/><Relationship Id="rId195" Type="http://schemas.openxmlformats.org/officeDocument/2006/relationships/hyperlink" Target="http://shop-masterinc.kz/photo/3255.jpg" TargetMode="External"/><Relationship Id="rId1919" Type="http://schemas.openxmlformats.org/officeDocument/2006/relationships/hyperlink" Target="http://shop-masterinc.kz/photo/8548.jpg" TargetMode="External"/><Relationship Id="rId2083" Type="http://schemas.openxmlformats.org/officeDocument/2006/relationships/hyperlink" Target="http://shop-masterinc.kz/photo/10251.jpg" TargetMode="External"/><Relationship Id="rId262" Type="http://schemas.openxmlformats.org/officeDocument/2006/relationships/hyperlink" Target="http://shop-masterinc.kz/photo/6876.jpg" TargetMode="External"/><Relationship Id="rId567" Type="http://schemas.openxmlformats.org/officeDocument/2006/relationships/hyperlink" Target="http://shop-masterinc.kz/photo/7378.jpg" TargetMode="External"/><Relationship Id="rId1197" Type="http://schemas.openxmlformats.org/officeDocument/2006/relationships/hyperlink" Target="http://shop-masterinc.kz/photo/6502.jpg" TargetMode="External"/><Relationship Id="rId2150" Type="http://schemas.openxmlformats.org/officeDocument/2006/relationships/hyperlink" Target="http://shop-masterinc.kz/photo/1188.jpg" TargetMode="External"/><Relationship Id="rId122" Type="http://schemas.openxmlformats.org/officeDocument/2006/relationships/hyperlink" Target="http://shop-masterinc.kz/photo/7758.jpg" TargetMode="External"/><Relationship Id="rId774" Type="http://schemas.openxmlformats.org/officeDocument/2006/relationships/hyperlink" Target="http://shop-masterinc.kz/photo/7951.jpg" TargetMode="External"/><Relationship Id="rId981" Type="http://schemas.openxmlformats.org/officeDocument/2006/relationships/hyperlink" Target="http://shop-masterinc.kz/photo/868.jpg" TargetMode="External"/><Relationship Id="rId1057" Type="http://schemas.openxmlformats.org/officeDocument/2006/relationships/hyperlink" Target="http://shop-masterinc.kz/photo/5590.jpg" TargetMode="External"/><Relationship Id="rId2010" Type="http://schemas.openxmlformats.org/officeDocument/2006/relationships/hyperlink" Target="http://shop-masterinc.kz/photo/4778.jpg" TargetMode="External"/><Relationship Id="rId427" Type="http://schemas.openxmlformats.org/officeDocument/2006/relationships/hyperlink" Target="http://shop-masterinc.kz/photo/5251.jpg" TargetMode="External"/><Relationship Id="rId634" Type="http://schemas.openxmlformats.org/officeDocument/2006/relationships/hyperlink" Target="http://shop-masterinc.kz/photo/3660.jpg" TargetMode="External"/><Relationship Id="rId841" Type="http://schemas.openxmlformats.org/officeDocument/2006/relationships/hyperlink" Target="http://shop-masterinc.kz/photo/1541.jpg" TargetMode="External"/><Relationship Id="rId1264" Type="http://schemas.openxmlformats.org/officeDocument/2006/relationships/hyperlink" Target="http://shop-masterinc.kz/photo/4173.jpg" TargetMode="External"/><Relationship Id="rId1471" Type="http://schemas.openxmlformats.org/officeDocument/2006/relationships/hyperlink" Target="http://shop-masterinc.kz/photo/5230.jpg" TargetMode="External"/><Relationship Id="rId1569" Type="http://schemas.openxmlformats.org/officeDocument/2006/relationships/hyperlink" Target="http://shop-masterinc.kz/photo/6939.jpg" TargetMode="External"/><Relationship Id="rId2108" Type="http://schemas.openxmlformats.org/officeDocument/2006/relationships/hyperlink" Target="http://shop-masterinc.kz/photo/9993.jpg" TargetMode="External"/><Relationship Id="rId701" Type="http://schemas.openxmlformats.org/officeDocument/2006/relationships/hyperlink" Target="http://shop-masterinc.kz/photo/3819.jpg" TargetMode="External"/><Relationship Id="rId939" Type="http://schemas.openxmlformats.org/officeDocument/2006/relationships/hyperlink" Target="http://shop-masterinc.kz/photo/8643.jpg" TargetMode="External"/><Relationship Id="rId1124" Type="http://schemas.openxmlformats.org/officeDocument/2006/relationships/hyperlink" Target="http://shop-masterinc.kz/photo/4418.jpg" TargetMode="External"/><Relationship Id="rId1331" Type="http://schemas.openxmlformats.org/officeDocument/2006/relationships/hyperlink" Target="http://shop-masterinc.kz/photo/1758.jpg" TargetMode="External"/><Relationship Id="rId1776" Type="http://schemas.openxmlformats.org/officeDocument/2006/relationships/hyperlink" Target="http://shop-masterinc.kz/photo/10228.jpg" TargetMode="External"/><Relationship Id="rId1983" Type="http://schemas.openxmlformats.org/officeDocument/2006/relationships/hyperlink" Target="http://shop-masterinc.kz/photo/5192.jpg" TargetMode="External"/><Relationship Id="rId68" Type="http://schemas.openxmlformats.org/officeDocument/2006/relationships/hyperlink" Target="http://shop-masterinc.kz/photo/8030.jpg" TargetMode="External"/><Relationship Id="rId1429" Type="http://schemas.openxmlformats.org/officeDocument/2006/relationships/hyperlink" Target="http://shop-masterinc.kz/photo/9379.jpg" TargetMode="External"/><Relationship Id="rId1636" Type="http://schemas.openxmlformats.org/officeDocument/2006/relationships/hyperlink" Target="http://shop-masterinc.kz/photo/7444.jpg" TargetMode="External"/><Relationship Id="rId1843" Type="http://schemas.openxmlformats.org/officeDocument/2006/relationships/hyperlink" Target="http://shop-masterinc.kz/photo/9142.jpg" TargetMode="External"/><Relationship Id="rId1703" Type="http://schemas.openxmlformats.org/officeDocument/2006/relationships/hyperlink" Target="http://shop-masterinc.kz/photo/1770.jpg" TargetMode="External"/><Relationship Id="rId1910" Type="http://schemas.openxmlformats.org/officeDocument/2006/relationships/hyperlink" Target="http://shop-masterinc.kz/photo/10021.jpg" TargetMode="External"/><Relationship Id="rId284" Type="http://schemas.openxmlformats.org/officeDocument/2006/relationships/hyperlink" Target="http://shop-masterinc.kz/photo/5144.jpg" TargetMode="External"/><Relationship Id="rId491" Type="http://schemas.openxmlformats.org/officeDocument/2006/relationships/hyperlink" Target="http://shop-masterinc.kz/photo/3863.jpg" TargetMode="External"/><Relationship Id="rId144" Type="http://schemas.openxmlformats.org/officeDocument/2006/relationships/hyperlink" Target="http://shop-masterinc.kz/photo/8960.jpg" TargetMode="External"/><Relationship Id="rId589" Type="http://schemas.openxmlformats.org/officeDocument/2006/relationships/hyperlink" Target="http://shop-masterinc.kz/photo/1517.jpg" TargetMode="External"/><Relationship Id="rId796" Type="http://schemas.openxmlformats.org/officeDocument/2006/relationships/hyperlink" Target="http://shop-masterinc.kz/photo/5670.jpg" TargetMode="External"/><Relationship Id="rId351" Type="http://schemas.openxmlformats.org/officeDocument/2006/relationships/hyperlink" Target="http://shop-masterinc.kz/photo/1456.jpg" TargetMode="External"/><Relationship Id="rId449" Type="http://schemas.openxmlformats.org/officeDocument/2006/relationships/hyperlink" Target="http://shop-masterinc.kz/photo/3225.jpg" TargetMode="External"/><Relationship Id="rId656" Type="http://schemas.openxmlformats.org/officeDocument/2006/relationships/hyperlink" Target="http://shop-masterinc.kz/photo/3176.jpg" TargetMode="External"/><Relationship Id="rId863" Type="http://schemas.openxmlformats.org/officeDocument/2006/relationships/hyperlink" Target="http://shop-masterinc.kz/photo/6240.jpg" TargetMode="External"/><Relationship Id="rId1079" Type="http://schemas.openxmlformats.org/officeDocument/2006/relationships/hyperlink" Target="http://shop-masterinc.kz/photo/3172.jpg" TargetMode="External"/><Relationship Id="rId1286" Type="http://schemas.openxmlformats.org/officeDocument/2006/relationships/hyperlink" Target="http://shop-masterinc.kz/photo/8918.jpg" TargetMode="External"/><Relationship Id="rId1493" Type="http://schemas.openxmlformats.org/officeDocument/2006/relationships/hyperlink" Target="http://shop-masterinc.kz/photo/7678.jpg" TargetMode="External"/><Relationship Id="rId2032" Type="http://schemas.openxmlformats.org/officeDocument/2006/relationships/hyperlink" Target="http://shop-masterinc.kz/photo/685.jpg" TargetMode="External"/><Relationship Id="rId211" Type="http://schemas.openxmlformats.org/officeDocument/2006/relationships/hyperlink" Target="http://shop-masterinc.kz/photo/9390.jpg" TargetMode="External"/><Relationship Id="rId309" Type="http://schemas.openxmlformats.org/officeDocument/2006/relationships/hyperlink" Target="http://shop-masterinc.kz/photo/7540.jpg" TargetMode="External"/><Relationship Id="rId516" Type="http://schemas.openxmlformats.org/officeDocument/2006/relationships/hyperlink" Target="http://shop-masterinc.kz/photo/5130.jpg" TargetMode="External"/><Relationship Id="rId1146" Type="http://schemas.openxmlformats.org/officeDocument/2006/relationships/hyperlink" Target="http://shop-masterinc.kz/photo/6897.jpg" TargetMode="External"/><Relationship Id="rId1798" Type="http://schemas.openxmlformats.org/officeDocument/2006/relationships/hyperlink" Target="http://shop-masterinc.kz/photo/9414.jpg" TargetMode="External"/><Relationship Id="rId723" Type="http://schemas.openxmlformats.org/officeDocument/2006/relationships/hyperlink" Target="http://shop-masterinc.kz/photo/4037.jpg" TargetMode="External"/><Relationship Id="rId930" Type="http://schemas.openxmlformats.org/officeDocument/2006/relationships/hyperlink" Target="http://shop-masterinc.kz/photo/4078.jpg" TargetMode="External"/><Relationship Id="rId1006" Type="http://schemas.openxmlformats.org/officeDocument/2006/relationships/hyperlink" Target="http://shop-masterinc.kz/photo/10152.jpg" TargetMode="External"/><Relationship Id="rId1353" Type="http://schemas.openxmlformats.org/officeDocument/2006/relationships/hyperlink" Target="http://shop-masterinc.kz/photo/4702.jpg" TargetMode="External"/><Relationship Id="rId1560" Type="http://schemas.openxmlformats.org/officeDocument/2006/relationships/hyperlink" Target="http://shop-masterinc.kz/photo/6941.jpg" TargetMode="External"/><Relationship Id="rId1658" Type="http://schemas.openxmlformats.org/officeDocument/2006/relationships/hyperlink" Target="http://shop-masterinc.kz/photo/3164.jpg" TargetMode="External"/><Relationship Id="rId1865" Type="http://schemas.openxmlformats.org/officeDocument/2006/relationships/hyperlink" Target="http://shop-masterinc.kz/photo/6058.jpg" TargetMode="External"/><Relationship Id="rId1213" Type="http://schemas.openxmlformats.org/officeDocument/2006/relationships/hyperlink" Target="http://shop-masterinc.kz/photo/4995.jpg" TargetMode="External"/><Relationship Id="rId1420" Type="http://schemas.openxmlformats.org/officeDocument/2006/relationships/hyperlink" Target="http://shop-masterinc.kz/photo/10133.jpg" TargetMode="External"/><Relationship Id="rId1518" Type="http://schemas.openxmlformats.org/officeDocument/2006/relationships/hyperlink" Target="http://shop-masterinc.kz/photo/7347.jpg" TargetMode="External"/></Relationships>
</file>

<file path=xl/worksheets/sheet1.xml><?xml version="1.0" encoding="utf-8"?>
<worksheet xmlns="http://schemas.openxmlformats.org/spreadsheetml/2006/main" xmlns:r="http://schemas.openxmlformats.org/officeDocument/2006/relationships">
  <sheetPr>
    <pageSetUpPr fitToPage="1"/>
  </sheetPr>
  <dimension ref="A1:E2220"/>
  <sheetViews>
    <sheetView tabSelected="1" zoomScale="193" zoomScaleNormal="193" zoomScaleSheetLayoutView="327" workbookViewId="0">
      <pane ySplit="8" topLeftCell="A9" activePane="bottomLeft" state="frozenSplit"/>
      <selection pane="bottomLeft" sqref="A1:G1048576"/>
    </sheetView>
  </sheetViews>
  <sheetFormatPr defaultRowHeight="9.75" outlineLevelRow="1"/>
  <cols>
    <col min="1" max="1" width="70.7109375" style="3" customWidth="1"/>
    <col min="2" max="2" width="5.28515625" style="3" bestFit="1" customWidth="1"/>
    <col min="3" max="3" width="6" style="3" bestFit="1" customWidth="1"/>
    <col min="4" max="4" width="5.28515625" style="3" bestFit="1" customWidth="1"/>
    <col min="5" max="5" width="6" style="3" bestFit="1" customWidth="1"/>
    <col min="6" max="16384" width="9.140625" style="3"/>
  </cols>
  <sheetData>
    <row r="1" spans="1:5" ht="26.25">
      <c r="A1" s="7" t="s">
        <v>2216</v>
      </c>
    </row>
    <row r="2" spans="1:5" ht="12.75">
      <c r="A2" s="8" t="s">
        <v>2217</v>
      </c>
      <c r="E2" s="9"/>
    </row>
    <row r="3" spans="1:5" ht="12.75">
      <c r="A3" s="8" t="s">
        <v>2218</v>
      </c>
    </row>
    <row r="4" spans="1:5" ht="12.75">
      <c r="A4" s="8" t="s">
        <v>2219</v>
      </c>
    </row>
    <row r="5" spans="1:5" ht="12.75">
      <c r="A5" s="8" t="s">
        <v>2220</v>
      </c>
    </row>
    <row r="6" spans="1:5">
      <c r="A6" s="9"/>
      <c r="B6" s="9"/>
      <c r="C6" s="9"/>
      <c r="D6" s="10"/>
      <c r="E6" s="9"/>
    </row>
    <row r="7" spans="1:5">
      <c r="A7" s="11" t="s">
        <v>2221</v>
      </c>
      <c r="B7" s="9"/>
      <c r="C7" s="9"/>
      <c r="D7" s="9"/>
      <c r="E7" s="9"/>
    </row>
    <row r="8" spans="1:5" s="6" customFormat="1" ht="18">
      <c r="A8" s="5" t="s">
        <v>2212</v>
      </c>
      <c r="B8" s="5" t="s">
        <v>2213</v>
      </c>
      <c r="C8" s="5" t="s">
        <v>2214</v>
      </c>
      <c r="D8" s="5" t="s">
        <v>0</v>
      </c>
      <c r="E8" s="5" t="s">
        <v>2215</v>
      </c>
    </row>
    <row r="9" spans="1:5">
      <c r="A9" s="4" t="s">
        <v>1</v>
      </c>
      <c r="B9" s="12"/>
      <c r="C9" s="12"/>
      <c r="D9" s="12"/>
      <c r="E9" s="12"/>
    </row>
    <row r="10" spans="1:5" ht="19.5" hidden="1" outlineLevel="1">
      <c r="A10" s="1" t="s">
        <v>2</v>
      </c>
      <c r="B10" s="2">
        <v>19690</v>
      </c>
      <c r="C10" s="2">
        <v>14580</v>
      </c>
      <c r="D10" s="2">
        <v>11580</v>
      </c>
      <c r="E10" s="13">
        <v>9888</v>
      </c>
    </row>
    <row r="11" spans="1:5" ht="19.5" hidden="1" outlineLevel="1">
      <c r="A11" s="1" t="s">
        <v>3</v>
      </c>
      <c r="B11" s="2">
        <v>8020</v>
      </c>
      <c r="C11" s="2">
        <v>5940</v>
      </c>
      <c r="D11" s="2">
        <v>4720</v>
      </c>
      <c r="E11" s="13">
        <v>9151</v>
      </c>
    </row>
    <row r="12" spans="1:5" ht="19.5" hidden="1" outlineLevel="1">
      <c r="A12" s="1" t="s">
        <v>4</v>
      </c>
      <c r="B12" s="2">
        <v>8020</v>
      </c>
      <c r="C12" s="2">
        <v>5940</v>
      </c>
      <c r="D12" s="2">
        <v>4720</v>
      </c>
      <c r="E12" s="13">
        <v>7281</v>
      </c>
    </row>
    <row r="13" spans="1:5" ht="12.75" hidden="1" outlineLevel="1">
      <c r="A13" s="1" t="s">
        <v>5</v>
      </c>
      <c r="B13" s="2">
        <v>10210</v>
      </c>
      <c r="C13" s="2">
        <v>7560</v>
      </c>
      <c r="D13" s="2">
        <v>6005</v>
      </c>
      <c r="E13" s="13">
        <v>6451</v>
      </c>
    </row>
    <row r="14" spans="1:5" ht="12.75" hidden="1" outlineLevel="1">
      <c r="A14" s="1" t="s">
        <v>6</v>
      </c>
      <c r="B14" s="2">
        <v>6565</v>
      </c>
      <c r="C14" s="2">
        <v>4860</v>
      </c>
      <c r="D14" s="2">
        <v>3860</v>
      </c>
      <c r="E14" s="13">
        <v>8865</v>
      </c>
    </row>
    <row r="15" spans="1:5" ht="12.75" hidden="1" outlineLevel="1">
      <c r="A15" s="1" t="s">
        <v>7</v>
      </c>
      <c r="B15" s="2">
        <v>7295</v>
      </c>
      <c r="C15" s="2">
        <v>5400</v>
      </c>
      <c r="D15" s="2">
        <v>4290</v>
      </c>
      <c r="E15" s="13">
        <v>6108</v>
      </c>
    </row>
    <row r="16" spans="1:5" ht="12.75" hidden="1" outlineLevel="1">
      <c r="A16" s="1" t="s">
        <v>8</v>
      </c>
      <c r="B16" s="2">
        <v>7295</v>
      </c>
      <c r="C16" s="2">
        <v>5400</v>
      </c>
      <c r="D16" s="2">
        <v>4290</v>
      </c>
      <c r="E16" s="13">
        <v>7782</v>
      </c>
    </row>
    <row r="17" spans="1:5" ht="12.75" hidden="1" outlineLevel="1">
      <c r="A17" s="1" t="s">
        <v>9</v>
      </c>
      <c r="B17" s="2">
        <v>10140</v>
      </c>
      <c r="C17" s="2">
        <v>7510</v>
      </c>
      <c r="D17" s="2">
        <v>5965</v>
      </c>
      <c r="E17" s="13">
        <v>6266</v>
      </c>
    </row>
    <row r="18" spans="1:5" ht="12.75" hidden="1" outlineLevel="1">
      <c r="A18" s="1" t="s">
        <v>10</v>
      </c>
      <c r="B18" s="2">
        <v>13350</v>
      </c>
      <c r="C18" s="2">
        <v>9885</v>
      </c>
      <c r="D18" s="2">
        <v>7850</v>
      </c>
      <c r="E18" s="13">
        <v>6342</v>
      </c>
    </row>
    <row r="19" spans="1:5" ht="12.75" hidden="1" outlineLevel="1">
      <c r="A19" s="1" t="s">
        <v>11</v>
      </c>
      <c r="B19" s="2">
        <v>5105</v>
      </c>
      <c r="C19" s="2">
        <v>3780</v>
      </c>
      <c r="D19" s="2">
        <v>3005</v>
      </c>
      <c r="E19" s="13">
        <v>8593</v>
      </c>
    </row>
    <row r="20" spans="1:5" ht="12.75" hidden="1" outlineLevel="1">
      <c r="A20" s="1" t="s">
        <v>12</v>
      </c>
      <c r="B20" s="2">
        <v>14590</v>
      </c>
      <c r="C20" s="2">
        <v>10800</v>
      </c>
      <c r="D20" s="2">
        <v>8580</v>
      </c>
      <c r="E20" s="13">
        <v>7783</v>
      </c>
    </row>
    <row r="21" spans="1:5" ht="12.75" hidden="1" outlineLevel="1">
      <c r="A21" s="1" t="s">
        <v>13</v>
      </c>
      <c r="B21" s="2">
        <v>11670</v>
      </c>
      <c r="C21" s="2">
        <v>8640</v>
      </c>
      <c r="D21" s="2">
        <v>6865</v>
      </c>
      <c r="E21" s="13">
        <v>6375</v>
      </c>
    </row>
    <row r="22" spans="1:5" ht="12.75" hidden="1" outlineLevel="1">
      <c r="A22" s="1" t="s">
        <v>14</v>
      </c>
      <c r="B22" s="2">
        <v>10940</v>
      </c>
      <c r="C22" s="2">
        <v>8100</v>
      </c>
      <c r="D22" s="2">
        <v>6435</v>
      </c>
      <c r="E22" s="13">
        <v>6988</v>
      </c>
    </row>
    <row r="23" spans="1:5" ht="29.25" hidden="1" outlineLevel="1">
      <c r="A23" s="1" t="s">
        <v>15</v>
      </c>
      <c r="B23" s="2">
        <v>13860</v>
      </c>
      <c r="C23" s="2">
        <v>10260</v>
      </c>
      <c r="D23" s="2">
        <v>8150</v>
      </c>
      <c r="E23" s="13">
        <v>6253</v>
      </c>
    </row>
    <row r="24" spans="1:5" ht="29.25" hidden="1" outlineLevel="1">
      <c r="A24" s="1" t="s">
        <v>16</v>
      </c>
      <c r="B24" s="2">
        <v>10940</v>
      </c>
      <c r="C24" s="2">
        <v>8100</v>
      </c>
      <c r="D24" s="2">
        <v>6435</v>
      </c>
      <c r="E24" s="13">
        <v>8595</v>
      </c>
    </row>
    <row r="25" spans="1:5" ht="12.75" hidden="1" outlineLevel="1">
      <c r="A25" s="1" t="s">
        <v>17</v>
      </c>
      <c r="B25" s="2">
        <v>12760</v>
      </c>
      <c r="C25" s="2">
        <v>9450</v>
      </c>
      <c r="D25" s="2">
        <v>7510</v>
      </c>
      <c r="E25" s="13">
        <v>7934</v>
      </c>
    </row>
    <row r="26" spans="1:5" ht="12.75" hidden="1" outlineLevel="1">
      <c r="A26" s="1" t="s">
        <v>18</v>
      </c>
      <c r="B26" s="2">
        <v>11300</v>
      </c>
      <c r="C26" s="2">
        <v>8370</v>
      </c>
      <c r="D26" s="2">
        <v>6650</v>
      </c>
      <c r="E26" s="13">
        <v>8591</v>
      </c>
    </row>
    <row r="27" spans="1:5" ht="12.75" hidden="1" outlineLevel="1">
      <c r="A27" s="1" t="s">
        <v>19</v>
      </c>
      <c r="B27" s="2">
        <v>11300</v>
      </c>
      <c r="C27" s="2">
        <v>8370</v>
      </c>
      <c r="D27" s="2">
        <v>6650</v>
      </c>
      <c r="E27" s="13">
        <v>7282</v>
      </c>
    </row>
    <row r="28" spans="1:5" ht="12.75" hidden="1" outlineLevel="1">
      <c r="A28" s="1" t="s">
        <v>20</v>
      </c>
      <c r="B28" s="2">
        <v>13130</v>
      </c>
      <c r="C28" s="2">
        <v>9720</v>
      </c>
      <c r="D28" s="2">
        <v>7720</v>
      </c>
      <c r="E28" s="13">
        <v>9646</v>
      </c>
    </row>
    <row r="29" spans="1:5" ht="12.75" hidden="1" outlineLevel="1">
      <c r="A29" s="1" t="s">
        <v>21</v>
      </c>
      <c r="B29" s="2">
        <v>10210</v>
      </c>
      <c r="C29" s="2">
        <v>7560</v>
      </c>
      <c r="D29" s="2">
        <v>6005</v>
      </c>
      <c r="E29" s="13">
        <v>6987</v>
      </c>
    </row>
    <row r="30" spans="1:5" ht="12.75" hidden="1" outlineLevel="1">
      <c r="A30" s="1" t="s">
        <v>22</v>
      </c>
      <c r="B30" s="2">
        <v>14590</v>
      </c>
      <c r="C30" s="2">
        <v>10800</v>
      </c>
      <c r="D30" s="2">
        <v>8580</v>
      </c>
      <c r="E30" s="13">
        <v>7592</v>
      </c>
    </row>
    <row r="31" spans="1:5" ht="19.5" hidden="1" outlineLevel="1">
      <c r="A31" s="1" t="s">
        <v>23</v>
      </c>
      <c r="B31" s="2">
        <v>11670</v>
      </c>
      <c r="C31" s="2">
        <v>8640</v>
      </c>
      <c r="D31" s="2">
        <v>6865</v>
      </c>
      <c r="E31" s="13">
        <v>6498</v>
      </c>
    </row>
    <row r="32" spans="1:5" ht="19.5" hidden="1" outlineLevel="1">
      <c r="A32" s="1" t="s">
        <v>24</v>
      </c>
      <c r="B32" s="2">
        <v>13860</v>
      </c>
      <c r="C32" s="2">
        <v>10260</v>
      </c>
      <c r="D32" s="2">
        <v>8150</v>
      </c>
      <c r="E32" s="13">
        <v>6488</v>
      </c>
    </row>
    <row r="33" spans="1:5" ht="12.75" hidden="1" outlineLevel="1">
      <c r="A33" s="1" t="s">
        <v>25</v>
      </c>
      <c r="B33" s="2">
        <v>16040</v>
      </c>
      <c r="C33" s="2">
        <v>11880</v>
      </c>
      <c r="D33" s="2">
        <v>9440</v>
      </c>
      <c r="E33" s="13">
        <v>8590</v>
      </c>
    </row>
    <row r="34" spans="1:5" ht="12.75" hidden="1" outlineLevel="1">
      <c r="A34" s="1" t="s">
        <v>26</v>
      </c>
      <c r="B34" s="2">
        <v>13860</v>
      </c>
      <c r="C34" s="2">
        <v>10260</v>
      </c>
      <c r="D34" s="2">
        <v>8150</v>
      </c>
      <c r="E34" s="13">
        <v>7399</v>
      </c>
    </row>
    <row r="35" spans="1:5" ht="12.75" hidden="1" outlineLevel="1">
      <c r="A35" s="1" t="s">
        <v>27</v>
      </c>
      <c r="B35" s="2">
        <v>10940</v>
      </c>
      <c r="C35" s="2">
        <v>8100</v>
      </c>
      <c r="D35" s="2">
        <v>6435</v>
      </c>
      <c r="E35" s="13">
        <v>7100</v>
      </c>
    </row>
    <row r="36" spans="1:5" ht="12.75" hidden="1" outlineLevel="1">
      <c r="A36" s="1" t="s">
        <v>28</v>
      </c>
      <c r="B36" s="2">
        <v>27710</v>
      </c>
      <c r="C36" s="2">
        <v>20520</v>
      </c>
      <c r="D36" s="2">
        <v>16300</v>
      </c>
      <c r="E36" s="13">
        <v>6107</v>
      </c>
    </row>
    <row r="37" spans="1:5" ht="12.75" hidden="1" outlineLevel="1">
      <c r="A37" s="1" t="s">
        <v>29</v>
      </c>
      <c r="B37" s="2">
        <v>13860</v>
      </c>
      <c r="C37" s="2">
        <v>10260</v>
      </c>
      <c r="D37" s="2">
        <v>8150</v>
      </c>
      <c r="E37" s="13">
        <v>7099</v>
      </c>
    </row>
    <row r="38" spans="1:5" ht="12.75" hidden="1" outlineLevel="1">
      <c r="A38" s="1" t="s">
        <v>30</v>
      </c>
      <c r="B38" s="2">
        <v>18230</v>
      </c>
      <c r="C38" s="2">
        <v>13500</v>
      </c>
      <c r="D38" s="2">
        <v>10730</v>
      </c>
      <c r="E38" s="13">
        <v>6310</v>
      </c>
    </row>
    <row r="39" spans="1:5" ht="12.75" hidden="1" outlineLevel="1">
      <c r="A39" s="1" t="s">
        <v>31</v>
      </c>
      <c r="B39" s="2">
        <v>12030</v>
      </c>
      <c r="C39" s="2">
        <v>8910</v>
      </c>
      <c r="D39" s="2">
        <v>7080</v>
      </c>
      <c r="E39" s="13">
        <v>6750</v>
      </c>
    </row>
    <row r="40" spans="1:5" ht="19.5" hidden="1" outlineLevel="1">
      <c r="A40" s="1" t="s">
        <v>32</v>
      </c>
      <c r="B40" s="2">
        <v>25530</v>
      </c>
      <c r="C40" s="2">
        <v>18900</v>
      </c>
      <c r="D40" s="2">
        <v>15020</v>
      </c>
      <c r="E40" s="13">
        <v>6182</v>
      </c>
    </row>
    <row r="41" spans="1:5" ht="29.25" hidden="1" outlineLevel="1">
      <c r="A41" s="1" t="s">
        <v>33</v>
      </c>
      <c r="B41" s="2">
        <v>14590</v>
      </c>
      <c r="C41" s="2">
        <v>10800</v>
      </c>
      <c r="D41" s="2">
        <v>8580</v>
      </c>
      <c r="E41" s="13">
        <v>8594</v>
      </c>
    </row>
    <row r="42" spans="1:5" ht="29.25" hidden="1" outlineLevel="1">
      <c r="A42" s="1" t="s">
        <v>34</v>
      </c>
      <c r="B42" s="2">
        <v>2915</v>
      </c>
      <c r="C42" s="2">
        <v>2160</v>
      </c>
      <c r="D42" s="2">
        <v>1715</v>
      </c>
      <c r="E42" s="13">
        <v>7263</v>
      </c>
    </row>
    <row r="43" spans="1:5" ht="19.5" hidden="1" outlineLevel="1">
      <c r="A43" s="1" t="s">
        <v>35</v>
      </c>
      <c r="B43" s="2">
        <v>9480</v>
      </c>
      <c r="C43" s="2">
        <v>7020</v>
      </c>
      <c r="D43" s="2">
        <v>5575</v>
      </c>
      <c r="E43" s="13">
        <v>7264</v>
      </c>
    </row>
    <row r="44" spans="1:5" ht="19.5" hidden="1" outlineLevel="1">
      <c r="A44" s="1" t="s">
        <v>36</v>
      </c>
      <c r="B44" s="2">
        <v>18230</v>
      </c>
      <c r="C44" s="2">
        <v>13500</v>
      </c>
      <c r="D44" s="2">
        <v>10730</v>
      </c>
      <c r="E44" s="13">
        <v>6106</v>
      </c>
    </row>
    <row r="45" spans="1:5" ht="19.5" hidden="1" outlineLevel="1">
      <c r="A45" s="1" t="s">
        <v>37</v>
      </c>
      <c r="B45" s="2">
        <v>9115</v>
      </c>
      <c r="C45" s="2">
        <v>6750</v>
      </c>
      <c r="D45" s="2">
        <v>5365</v>
      </c>
      <c r="E45" s="13">
        <v>6983</v>
      </c>
    </row>
    <row r="46" spans="1:5" ht="19.5" hidden="1" outlineLevel="1">
      <c r="A46" s="1" t="s">
        <v>38</v>
      </c>
      <c r="B46" s="2">
        <v>9115</v>
      </c>
      <c r="C46" s="2">
        <v>6750</v>
      </c>
      <c r="D46" s="2">
        <v>5365</v>
      </c>
      <c r="E46" s="13">
        <v>7593</v>
      </c>
    </row>
    <row r="47" spans="1:5" ht="12.75" hidden="1" outlineLevel="1">
      <c r="A47" s="1" t="s">
        <v>39</v>
      </c>
      <c r="B47" s="2">
        <v>9115</v>
      </c>
      <c r="C47" s="2">
        <v>6750</v>
      </c>
      <c r="D47" s="2">
        <v>5365</v>
      </c>
      <c r="E47" s="13">
        <v>10184</v>
      </c>
    </row>
    <row r="48" spans="1:5" ht="12.75" hidden="1" outlineLevel="1">
      <c r="A48" s="1" t="s">
        <v>40</v>
      </c>
      <c r="B48" s="2">
        <v>6200</v>
      </c>
      <c r="C48" s="2">
        <v>4590</v>
      </c>
      <c r="D48" s="2">
        <v>3645</v>
      </c>
      <c r="E48" s="13">
        <v>10185</v>
      </c>
    </row>
    <row r="49" spans="1:5" ht="19.5" hidden="1" outlineLevel="1">
      <c r="A49" s="1" t="s">
        <v>41</v>
      </c>
      <c r="B49" s="2">
        <v>6200</v>
      </c>
      <c r="C49" s="2">
        <v>4590</v>
      </c>
      <c r="D49" s="2">
        <v>3645</v>
      </c>
      <c r="E49" s="13">
        <v>9559</v>
      </c>
    </row>
    <row r="50" spans="1:5" ht="19.5" hidden="1" outlineLevel="1">
      <c r="A50" s="1" t="s">
        <v>42</v>
      </c>
      <c r="B50" s="2">
        <v>9115</v>
      </c>
      <c r="C50" s="2">
        <v>6750</v>
      </c>
      <c r="D50" s="2">
        <v>5365</v>
      </c>
      <c r="E50" s="13">
        <v>10187</v>
      </c>
    </row>
    <row r="51" spans="1:5" ht="12.75" hidden="1" outlineLevel="1">
      <c r="A51" s="1" t="s">
        <v>43</v>
      </c>
      <c r="B51" s="2">
        <v>8020</v>
      </c>
      <c r="C51" s="2">
        <v>5940</v>
      </c>
      <c r="D51" s="2">
        <v>4720</v>
      </c>
      <c r="E51" s="13">
        <v>6984</v>
      </c>
    </row>
    <row r="52" spans="1:5" ht="12.75" hidden="1" outlineLevel="1">
      <c r="A52" s="1" t="s">
        <v>44</v>
      </c>
      <c r="B52" s="2">
        <v>9480</v>
      </c>
      <c r="C52" s="2">
        <v>7020</v>
      </c>
      <c r="D52" s="2">
        <v>5575</v>
      </c>
      <c r="E52" s="13">
        <v>7940</v>
      </c>
    </row>
    <row r="53" spans="1:5" ht="12.75" hidden="1" outlineLevel="1">
      <c r="A53" s="1" t="s">
        <v>45</v>
      </c>
      <c r="B53" s="2">
        <v>6200</v>
      </c>
      <c r="C53" s="2">
        <v>4590</v>
      </c>
      <c r="D53" s="2">
        <v>3645</v>
      </c>
      <c r="E53" s="13">
        <v>10186</v>
      </c>
    </row>
    <row r="54" spans="1:5" ht="29.25" hidden="1" outlineLevel="1">
      <c r="A54" s="1" t="s">
        <v>46</v>
      </c>
      <c r="B54" s="2">
        <v>4010</v>
      </c>
      <c r="C54" s="2">
        <v>2970</v>
      </c>
      <c r="D54" s="2">
        <v>2360</v>
      </c>
      <c r="E54" s="13">
        <v>6982</v>
      </c>
    </row>
    <row r="55" spans="1:5" ht="12.75" hidden="1" outlineLevel="1">
      <c r="A55" s="1" t="s">
        <v>47</v>
      </c>
      <c r="B55" s="2">
        <v>6200</v>
      </c>
      <c r="C55" s="2">
        <v>4590</v>
      </c>
      <c r="D55" s="2">
        <v>3645</v>
      </c>
      <c r="E55" s="13">
        <v>6979</v>
      </c>
    </row>
    <row r="56" spans="1:5" ht="12.75" hidden="1" outlineLevel="1">
      <c r="A56" s="1" t="s">
        <v>48</v>
      </c>
      <c r="B56" s="2">
        <v>3645</v>
      </c>
      <c r="C56" s="2">
        <v>2700</v>
      </c>
      <c r="D56" s="2">
        <v>2145</v>
      </c>
      <c r="E56" s="13">
        <v>6980</v>
      </c>
    </row>
    <row r="57" spans="1:5" ht="12.75" hidden="1" outlineLevel="1">
      <c r="A57" s="1" t="s">
        <v>49</v>
      </c>
      <c r="B57" s="2">
        <v>3645</v>
      </c>
      <c r="C57" s="2">
        <v>2700</v>
      </c>
      <c r="D57" s="2">
        <v>2145</v>
      </c>
      <c r="E57" s="13">
        <v>7939</v>
      </c>
    </row>
    <row r="58" spans="1:5" ht="12.75" hidden="1" outlineLevel="1">
      <c r="A58" s="1" t="s">
        <v>50</v>
      </c>
      <c r="B58" s="2">
        <v>3645</v>
      </c>
      <c r="C58" s="2">
        <v>2700</v>
      </c>
      <c r="D58" s="2">
        <v>2145</v>
      </c>
      <c r="E58" s="13">
        <v>7941</v>
      </c>
    </row>
    <row r="59" spans="1:5" ht="12.75" hidden="1" outlineLevel="1">
      <c r="A59" s="1" t="s">
        <v>51</v>
      </c>
      <c r="B59" s="2">
        <v>3645</v>
      </c>
      <c r="C59" s="2">
        <v>2700</v>
      </c>
      <c r="D59" s="2">
        <v>2145</v>
      </c>
      <c r="E59" s="13">
        <v>6978</v>
      </c>
    </row>
    <row r="60" spans="1:5" ht="12.75" hidden="1" outlineLevel="1">
      <c r="A60" s="1" t="s">
        <v>52</v>
      </c>
      <c r="B60" s="2">
        <v>5835</v>
      </c>
      <c r="C60" s="2">
        <v>4320</v>
      </c>
      <c r="D60" s="2">
        <v>3430</v>
      </c>
      <c r="E60" s="13">
        <v>6981</v>
      </c>
    </row>
    <row r="61" spans="1:5" ht="12.75" hidden="1" outlineLevel="1">
      <c r="A61" s="1" t="s">
        <v>53</v>
      </c>
      <c r="B61" s="2">
        <v>7295</v>
      </c>
      <c r="C61" s="2">
        <v>5400</v>
      </c>
      <c r="D61" s="2">
        <v>4290</v>
      </c>
      <c r="E61" s="13">
        <v>7262</v>
      </c>
    </row>
    <row r="62" spans="1:5" ht="12.75" hidden="1" outlineLevel="1">
      <c r="A62" s="1" t="s">
        <v>54</v>
      </c>
      <c r="B62" s="2">
        <v>1545</v>
      </c>
      <c r="C62" s="2">
        <v>1415</v>
      </c>
      <c r="D62" s="2">
        <v>1285</v>
      </c>
      <c r="E62" s="13">
        <v>9270</v>
      </c>
    </row>
    <row r="63" spans="1:5" ht="12.75" hidden="1" outlineLevel="1">
      <c r="A63" s="1" t="s">
        <v>55</v>
      </c>
      <c r="B63" s="2">
        <v>3345</v>
      </c>
      <c r="C63" s="2">
        <v>3065</v>
      </c>
      <c r="D63" s="2">
        <v>2790</v>
      </c>
      <c r="E63" s="13">
        <v>9272</v>
      </c>
    </row>
    <row r="64" spans="1:5" ht="12.75" hidden="1" outlineLevel="1">
      <c r="A64" s="1" t="s">
        <v>56</v>
      </c>
      <c r="B64" s="2">
        <v>2915</v>
      </c>
      <c r="C64" s="2">
        <v>2160</v>
      </c>
      <c r="D64" s="2">
        <v>1715</v>
      </c>
      <c r="E64" s="13">
        <v>7473</v>
      </c>
    </row>
    <row r="65" spans="1:5" ht="12.75" hidden="1" outlineLevel="1">
      <c r="A65" s="1" t="s">
        <v>57</v>
      </c>
      <c r="B65" s="2">
        <v>4375</v>
      </c>
      <c r="C65" s="2">
        <v>3240</v>
      </c>
      <c r="D65" s="2">
        <v>2575</v>
      </c>
      <c r="E65" s="13">
        <v>10062</v>
      </c>
    </row>
    <row r="66" spans="1:5" ht="12.75" hidden="1" outlineLevel="1">
      <c r="A66" s="1" t="s">
        <v>58</v>
      </c>
      <c r="B66" s="2">
        <v>4375</v>
      </c>
      <c r="C66" s="2">
        <v>3240</v>
      </c>
      <c r="D66" s="2">
        <v>2575</v>
      </c>
      <c r="E66" s="13">
        <v>7474</v>
      </c>
    </row>
    <row r="67" spans="1:5" ht="12.75" hidden="1" outlineLevel="1">
      <c r="A67" s="1" t="s">
        <v>59</v>
      </c>
      <c r="B67" s="2">
        <v>3645</v>
      </c>
      <c r="C67" s="2">
        <v>2700</v>
      </c>
      <c r="D67" s="2">
        <v>2145</v>
      </c>
      <c r="E67" s="13">
        <v>9638</v>
      </c>
    </row>
    <row r="68" spans="1:5" ht="12.75" hidden="1" outlineLevel="1">
      <c r="A68" s="1" t="s">
        <v>60</v>
      </c>
      <c r="B68" s="2">
        <v>730</v>
      </c>
      <c r="C68" s="2">
        <v>540</v>
      </c>
      <c r="D68" s="2">
        <v>429</v>
      </c>
      <c r="E68" s="13">
        <v>9263</v>
      </c>
    </row>
    <row r="69" spans="1:5" ht="12.75" hidden="1" outlineLevel="1">
      <c r="A69" s="1" t="s">
        <v>61</v>
      </c>
      <c r="B69" s="2">
        <v>87.5</v>
      </c>
      <c r="C69" s="2">
        <v>65</v>
      </c>
      <c r="D69" s="2">
        <v>51.5</v>
      </c>
      <c r="E69" s="13">
        <v>9388</v>
      </c>
    </row>
    <row r="70" spans="1:5" ht="12.75" hidden="1" outlineLevel="1">
      <c r="A70" s="1" t="s">
        <v>62</v>
      </c>
      <c r="B70" s="2">
        <v>131.30000000000001</v>
      </c>
      <c r="C70" s="2">
        <v>97</v>
      </c>
      <c r="D70" s="2">
        <v>77</v>
      </c>
      <c r="E70" s="13">
        <v>9389</v>
      </c>
    </row>
    <row r="71" spans="1:5" ht="12.75" hidden="1" outlineLevel="1">
      <c r="A71" s="1" t="s">
        <v>63</v>
      </c>
      <c r="B71" s="2">
        <v>73</v>
      </c>
      <c r="C71" s="2">
        <v>54</v>
      </c>
      <c r="D71" s="2">
        <v>43</v>
      </c>
      <c r="E71" s="13">
        <v>8119</v>
      </c>
    </row>
    <row r="72" spans="1:5" ht="12.75" hidden="1" outlineLevel="1">
      <c r="A72" s="1" t="s">
        <v>64</v>
      </c>
      <c r="B72" s="2">
        <v>73</v>
      </c>
      <c r="C72" s="2">
        <v>54</v>
      </c>
      <c r="D72" s="2">
        <v>43</v>
      </c>
      <c r="E72" s="13">
        <v>8026</v>
      </c>
    </row>
    <row r="73" spans="1:5" ht="12.75" hidden="1" outlineLevel="1">
      <c r="A73" s="1" t="s">
        <v>65</v>
      </c>
      <c r="B73" s="2">
        <v>109.4</v>
      </c>
      <c r="C73" s="2">
        <v>81</v>
      </c>
      <c r="D73" s="2">
        <v>64.5</v>
      </c>
      <c r="E73" s="13">
        <v>8030</v>
      </c>
    </row>
    <row r="74" spans="1:5" ht="12.75" hidden="1" outlineLevel="1">
      <c r="A74" s="1" t="s">
        <v>66</v>
      </c>
      <c r="B74" s="2">
        <v>182.3</v>
      </c>
      <c r="C74" s="2">
        <v>135</v>
      </c>
      <c r="D74" s="2">
        <v>107.3</v>
      </c>
      <c r="E74" s="13">
        <v>9480</v>
      </c>
    </row>
    <row r="75" spans="1:5" ht="12.75" hidden="1" outlineLevel="1">
      <c r="A75" s="1" t="s">
        <v>67</v>
      </c>
      <c r="B75" s="2">
        <v>182.3</v>
      </c>
      <c r="C75" s="2">
        <v>135</v>
      </c>
      <c r="D75" s="2">
        <v>107.3</v>
      </c>
      <c r="E75" s="13">
        <v>9637</v>
      </c>
    </row>
    <row r="76" spans="1:5" ht="12.75" hidden="1" outlineLevel="1">
      <c r="A76" s="1" t="s">
        <v>68</v>
      </c>
      <c r="B76" s="2">
        <v>182.3</v>
      </c>
      <c r="C76" s="2">
        <v>135</v>
      </c>
      <c r="D76" s="2">
        <v>107.3</v>
      </c>
      <c r="E76" s="13">
        <v>8120</v>
      </c>
    </row>
    <row r="77" spans="1:5" ht="12.75" hidden="1" outlineLevel="1">
      <c r="A77" s="1" t="s">
        <v>69</v>
      </c>
      <c r="B77" s="2">
        <v>73</v>
      </c>
      <c r="C77" s="2">
        <v>54</v>
      </c>
      <c r="D77" s="2">
        <v>43</v>
      </c>
      <c r="E77" s="13">
        <v>8025</v>
      </c>
    </row>
    <row r="78" spans="1:5" ht="12.75" hidden="1" outlineLevel="1">
      <c r="A78" s="1" t="s">
        <v>70</v>
      </c>
      <c r="B78" s="2">
        <v>151.69999999999999</v>
      </c>
      <c r="C78" s="2">
        <v>112.3</v>
      </c>
      <c r="D78" s="2">
        <v>89</v>
      </c>
      <c r="E78" s="13">
        <v>8730</v>
      </c>
    </row>
    <row r="79" spans="1:5" ht="12.75" hidden="1" outlineLevel="1">
      <c r="A79" s="1" t="s">
        <v>71</v>
      </c>
      <c r="B79" s="2">
        <v>365</v>
      </c>
      <c r="C79" s="2">
        <v>270.10000000000002</v>
      </c>
      <c r="D79" s="2">
        <v>214.5</v>
      </c>
      <c r="E79" s="13">
        <v>10002</v>
      </c>
    </row>
    <row r="80" spans="1:5" ht="12.75" hidden="1" outlineLevel="1">
      <c r="A80" s="1" t="s">
        <v>72</v>
      </c>
      <c r="B80" s="2">
        <v>40</v>
      </c>
      <c r="C80" s="2">
        <v>29.5</v>
      </c>
      <c r="D80" s="2">
        <v>23.5</v>
      </c>
      <c r="E80" s="13">
        <v>8125</v>
      </c>
    </row>
    <row r="81" spans="1:5" ht="12.75" hidden="1" outlineLevel="1">
      <c r="A81" s="1" t="s">
        <v>73</v>
      </c>
      <c r="B81" s="2">
        <v>2190</v>
      </c>
      <c r="C81" s="2">
        <v>1620</v>
      </c>
      <c r="D81" s="2">
        <v>1285</v>
      </c>
      <c r="E81" s="13">
        <v>8028</v>
      </c>
    </row>
    <row r="82" spans="1:5" ht="12.75" hidden="1" outlineLevel="1">
      <c r="A82" s="1" t="s">
        <v>74</v>
      </c>
      <c r="B82" s="2">
        <v>1825</v>
      </c>
      <c r="C82" s="2">
        <v>1350</v>
      </c>
      <c r="D82" s="2">
        <v>1075</v>
      </c>
      <c r="E82" s="13">
        <v>10180</v>
      </c>
    </row>
    <row r="83" spans="1:5" ht="12.75" hidden="1" outlineLevel="1">
      <c r="A83" s="1" t="s">
        <v>75</v>
      </c>
      <c r="B83" s="2">
        <v>1095</v>
      </c>
      <c r="C83" s="2">
        <v>810</v>
      </c>
      <c r="D83" s="2">
        <v>644</v>
      </c>
      <c r="E83" s="13">
        <v>10181</v>
      </c>
    </row>
    <row r="84" spans="1:5" ht="12.75" hidden="1" outlineLevel="1">
      <c r="A84" s="1" t="s">
        <v>76</v>
      </c>
      <c r="B84" s="2">
        <v>646</v>
      </c>
      <c r="C84" s="2">
        <v>478</v>
      </c>
      <c r="D84" s="2">
        <v>380</v>
      </c>
      <c r="E84" s="13">
        <v>8847</v>
      </c>
    </row>
    <row r="85" spans="1:5" ht="12.75" hidden="1" outlineLevel="1">
      <c r="A85" s="1" t="s">
        <v>77</v>
      </c>
      <c r="B85" s="2">
        <v>730</v>
      </c>
      <c r="C85" s="2">
        <v>540</v>
      </c>
      <c r="D85" s="2">
        <v>429</v>
      </c>
      <c r="E85" s="13">
        <v>8863</v>
      </c>
    </row>
    <row r="86" spans="1:5" ht="12.75" hidden="1" outlineLevel="1">
      <c r="A86" s="1" t="s">
        <v>78</v>
      </c>
      <c r="B86" s="2">
        <v>730</v>
      </c>
      <c r="C86" s="2">
        <v>540</v>
      </c>
      <c r="D86" s="2">
        <v>429</v>
      </c>
      <c r="E86" s="13">
        <v>8971</v>
      </c>
    </row>
    <row r="87" spans="1:5" ht="12.75" hidden="1" outlineLevel="1">
      <c r="A87" s="1" t="s">
        <v>79</v>
      </c>
      <c r="B87" s="2">
        <v>730</v>
      </c>
      <c r="C87" s="2">
        <v>540</v>
      </c>
      <c r="D87" s="2">
        <v>429</v>
      </c>
      <c r="E87" s="13">
        <v>8864</v>
      </c>
    </row>
    <row r="88" spans="1:5" ht="12.75" hidden="1" outlineLevel="1">
      <c r="A88" s="1" t="s">
        <v>80</v>
      </c>
      <c r="B88" s="2">
        <v>730</v>
      </c>
      <c r="C88" s="2">
        <v>540</v>
      </c>
      <c r="D88" s="2">
        <v>429</v>
      </c>
      <c r="E88" s="13">
        <v>8846</v>
      </c>
    </row>
    <row r="89" spans="1:5" ht="12.75" hidden="1" outlineLevel="1">
      <c r="A89" s="1" t="s">
        <v>81</v>
      </c>
      <c r="B89" s="2">
        <v>730</v>
      </c>
      <c r="C89" s="2">
        <v>540</v>
      </c>
      <c r="D89" s="2">
        <v>429</v>
      </c>
      <c r="E89" s="13">
        <v>9639</v>
      </c>
    </row>
    <row r="90" spans="1:5" ht="12.75" hidden="1" outlineLevel="1">
      <c r="A90" s="1" t="s">
        <v>82</v>
      </c>
      <c r="B90" s="2">
        <v>1825</v>
      </c>
      <c r="C90" s="2">
        <v>1350</v>
      </c>
      <c r="D90" s="2">
        <v>1075</v>
      </c>
      <c r="E90" s="13">
        <v>10287</v>
      </c>
    </row>
    <row r="91" spans="1:5" ht="12.75" hidden="1" outlineLevel="1">
      <c r="A91" s="1" t="s">
        <v>83</v>
      </c>
      <c r="B91" s="2">
        <v>1825</v>
      </c>
      <c r="C91" s="2">
        <v>1350</v>
      </c>
      <c r="D91" s="2">
        <v>1075</v>
      </c>
      <c r="E91" s="13">
        <v>10286</v>
      </c>
    </row>
    <row r="92" spans="1:5" ht="12.75" hidden="1" outlineLevel="1">
      <c r="A92" s="1" t="s">
        <v>84</v>
      </c>
      <c r="B92" s="2">
        <v>730</v>
      </c>
      <c r="C92" s="2">
        <v>540</v>
      </c>
      <c r="D92" s="2">
        <v>429</v>
      </c>
      <c r="E92" s="13">
        <v>8968</v>
      </c>
    </row>
    <row r="93" spans="1:5" ht="12.75" hidden="1" outlineLevel="1">
      <c r="A93" s="1" t="s">
        <v>85</v>
      </c>
      <c r="B93" s="2">
        <v>9845</v>
      </c>
      <c r="C93" s="2">
        <v>7290</v>
      </c>
      <c r="D93" s="2">
        <v>5790</v>
      </c>
      <c r="E93" s="13">
        <v>7483</v>
      </c>
    </row>
    <row r="94" spans="1:5" ht="12.75" hidden="1" outlineLevel="1">
      <c r="A94" s="1" t="s">
        <v>86</v>
      </c>
      <c r="B94" s="2">
        <v>73</v>
      </c>
      <c r="C94" s="2">
        <v>54</v>
      </c>
      <c r="D94" s="2">
        <v>43</v>
      </c>
      <c r="E94" s="13">
        <v>10201</v>
      </c>
    </row>
    <row r="95" spans="1:5" ht="12.75" hidden="1" outlineLevel="1">
      <c r="A95" s="1" t="s">
        <v>87</v>
      </c>
      <c r="B95" s="2">
        <v>3645</v>
      </c>
      <c r="C95" s="2">
        <v>2700</v>
      </c>
      <c r="D95" s="2">
        <v>2145</v>
      </c>
      <c r="E95" s="13">
        <v>9988</v>
      </c>
    </row>
    <row r="96" spans="1:5" ht="12.75" hidden="1" outlineLevel="1">
      <c r="A96" s="1" t="s">
        <v>88</v>
      </c>
      <c r="B96" s="2">
        <v>73</v>
      </c>
      <c r="C96" s="2">
        <v>54</v>
      </c>
      <c r="D96" s="2">
        <v>43</v>
      </c>
      <c r="E96" s="13">
        <v>8032</v>
      </c>
    </row>
    <row r="97" spans="1:5" ht="12.75" hidden="1" outlineLevel="1">
      <c r="A97" s="1" t="s">
        <v>89</v>
      </c>
      <c r="B97" s="2">
        <v>73</v>
      </c>
      <c r="C97" s="2">
        <v>54</v>
      </c>
      <c r="D97" s="2">
        <v>43</v>
      </c>
      <c r="E97" s="13">
        <v>8027</v>
      </c>
    </row>
    <row r="98" spans="1:5" ht="12.75" hidden="1" outlineLevel="1">
      <c r="A98" s="1" t="s">
        <v>90</v>
      </c>
      <c r="B98" s="2">
        <v>73</v>
      </c>
      <c r="C98" s="2">
        <v>54</v>
      </c>
      <c r="D98" s="2">
        <v>43</v>
      </c>
      <c r="E98" s="13">
        <v>8732</v>
      </c>
    </row>
    <row r="99" spans="1:5" ht="12.75" hidden="1" outlineLevel="1">
      <c r="A99" s="1" t="s">
        <v>91</v>
      </c>
      <c r="B99" s="2">
        <v>73</v>
      </c>
      <c r="C99" s="2">
        <v>54</v>
      </c>
      <c r="D99" s="2">
        <v>43</v>
      </c>
      <c r="E99" s="13">
        <v>8122</v>
      </c>
    </row>
    <row r="100" spans="1:5" ht="12.75" hidden="1" outlineLevel="1">
      <c r="A100" s="1" t="s">
        <v>92</v>
      </c>
      <c r="B100" s="2">
        <v>145.9</v>
      </c>
      <c r="C100" s="2">
        <v>108</v>
      </c>
      <c r="D100" s="2">
        <v>86</v>
      </c>
      <c r="E100" s="13">
        <v>8731</v>
      </c>
    </row>
    <row r="101" spans="1:5" ht="12.75" hidden="1" outlineLevel="1">
      <c r="A101" s="1" t="s">
        <v>93</v>
      </c>
      <c r="B101" s="2">
        <v>145.9</v>
      </c>
      <c r="C101" s="2">
        <v>108</v>
      </c>
      <c r="D101" s="2">
        <v>86</v>
      </c>
      <c r="E101" s="13">
        <v>8121</v>
      </c>
    </row>
    <row r="102" spans="1:5" ht="12.75" hidden="1" outlineLevel="1">
      <c r="A102" s="1" t="s">
        <v>94</v>
      </c>
      <c r="B102" s="2">
        <v>73</v>
      </c>
      <c r="C102" s="2">
        <v>54</v>
      </c>
      <c r="D102" s="2">
        <v>43</v>
      </c>
      <c r="E102" s="13">
        <v>7484</v>
      </c>
    </row>
    <row r="103" spans="1:5" ht="12.75" hidden="1" outlineLevel="1">
      <c r="A103" s="1" t="s">
        <v>95</v>
      </c>
      <c r="B103" s="2">
        <v>73</v>
      </c>
      <c r="C103" s="2">
        <v>54</v>
      </c>
      <c r="D103" s="2">
        <v>43</v>
      </c>
      <c r="E103" s="13">
        <v>7841</v>
      </c>
    </row>
    <row r="104" spans="1:5" ht="12.75" hidden="1" outlineLevel="1">
      <c r="A104" s="1" t="s">
        <v>96</v>
      </c>
      <c r="B104" s="2">
        <v>73</v>
      </c>
      <c r="C104" s="2">
        <v>54</v>
      </c>
      <c r="D104" s="2">
        <v>43</v>
      </c>
      <c r="E104" s="13">
        <v>7842</v>
      </c>
    </row>
    <row r="105" spans="1:5" ht="12.75" hidden="1" outlineLevel="1">
      <c r="A105" s="1" t="s">
        <v>97</v>
      </c>
      <c r="B105" s="2">
        <v>73</v>
      </c>
      <c r="C105" s="2">
        <v>54</v>
      </c>
      <c r="D105" s="2">
        <v>43</v>
      </c>
      <c r="E105" s="13">
        <v>7845</v>
      </c>
    </row>
    <row r="106" spans="1:5" ht="12.75" hidden="1" outlineLevel="1">
      <c r="A106" s="1" t="s">
        <v>98</v>
      </c>
      <c r="B106" s="2">
        <v>73</v>
      </c>
      <c r="C106" s="2">
        <v>54</v>
      </c>
      <c r="D106" s="2">
        <v>43</v>
      </c>
      <c r="E106" s="13">
        <v>7846</v>
      </c>
    </row>
    <row r="107" spans="1:5" ht="12.75" hidden="1" outlineLevel="1">
      <c r="A107" s="1" t="s">
        <v>99</v>
      </c>
      <c r="B107" s="2">
        <v>73</v>
      </c>
      <c r="C107" s="2">
        <v>54</v>
      </c>
      <c r="D107" s="2">
        <v>43</v>
      </c>
      <c r="E107" s="13">
        <v>7843</v>
      </c>
    </row>
    <row r="108" spans="1:5" ht="12.75" hidden="1" outlineLevel="1">
      <c r="A108" s="1" t="s">
        <v>100</v>
      </c>
      <c r="B108" s="2">
        <v>73</v>
      </c>
      <c r="C108" s="2">
        <v>54</v>
      </c>
      <c r="D108" s="2">
        <v>43</v>
      </c>
      <c r="E108" s="13">
        <v>7847</v>
      </c>
    </row>
    <row r="109" spans="1:5" ht="12.75" hidden="1" outlineLevel="1">
      <c r="A109" s="1" t="s">
        <v>101</v>
      </c>
      <c r="B109" s="2">
        <v>73</v>
      </c>
      <c r="C109" s="2">
        <v>54</v>
      </c>
      <c r="D109" s="2">
        <v>43</v>
      </c>
      <c r="E109" s="13">
        <v>7844</v>
      </c>
    </row>
    <row r="110" spans="1:5" ht="12.75" hidden="1" outlineLevel="1">
      <c r="A110" s="1" t="s">
        <v>102</v>
      </c>
      <c r="B110" s="2">
        <v>73</v>
      </c>
      <c r="C110" s="2">
        <v>54</v>
      </c>
      <c r="D110" s="2">
        <v>43</v>
      </c>
      <c r="E110" s="13">
        <v>8029</v>
      </c>
    </row>
    <row r="111" spans="1:5" ht="12.75" hidden="1" outlineLevel="1">
      <c r="A111" s="1" t="s">
        <v>103</v>
      </c>
      <c r="B111" s="2">
        <v>145.9</v>
      </c>
      <c r="C111" s="2">
        <v>108</v>
      </c>
      <c r="D111" s="2">
        <v>86</v>
      </c>
      <c r="E111" s="13">
        <v>8123</v>
      </c>
    </row>
    <row r="112" spans="1:5" ht="12.75" hidden="1" outlineLevel="1">
      <c r="A112" s="1" t="s">
        <v>104</v>
      </c>
      <c r="B112" s="2">
        <v>145.9</v>
      </c>
      <c r="C112" s="2">
        <v>108</v>
      </c>
      <c r="D112" s="2">
        <v>86</v>
      </c>
      <c r="E112" s="13">
        <v>8969</v>
      </c>
    </row>
    <row r="113" spans="1:5" ht="12.75" hidden="1" outlineLevel="1">
      <c r="A113" s="1" t="s">
        <v>105</v>
      </c>
      <c r="B113" s="2">
        <v>1460</v>
      </c>
      <c r="C113" s="2">
        <v>1080</v>
      </c>
      <c r="D113" s="2">
        <v>860</v>
      </c>
      <c r="E113" s="13">
        <v>9986</v>
      </c>
    </row>
    <row r="114" spans="1:5" ht="12.75" hidden="1" outlineLevel="1">
      <c r="A114" s="1" t="s">
        <v>106</v>
      </c>
      <c r="B114" s="2">
        <v>1825</v>
      </c>
      <c r="C114" s="2">
        <v>1350</v>
      </c>
      <c r="D114" s="2">
        <v>1075</v>
      </c>
      <c r="E114" s="13">
        <v>8124</v>
      </c>
    </row>
    <row r="115" spans="1:5" ht="12.75" hidden="1" outlineLevel="1">
      <c r="A115" s="1" t="s">
        <v>107</v>
      </c>
      <c r="B115" s="2">
        <v>2190</v>
      </c>
      <c r="C115" s="2">
        <v>1620</v>
      </c>
      <c r="D115" s="2">
        <v>1285</v>
      </c>
      <c r="E115" s="13">
        <v>9987</v>
      </c>
    </row>
    <row r="116" spans="1:5" ht="12.75" hidden="1" outlineLevel="1">
      <c r="A116" s="1" t="s">
        <v>108</v>
      </c>
      <c r="B116" s="2">
        <v>145.9</v>
      </c>
      <c r="C116" s="2">
        <v>108</v>
      </c>
      <c r="D116" s="2">
        <v>86</v>
      </c>
      <c r="E116" s="13">
        <v>8031</v>
      </c>
    </row>
    <row r="117" spans="1:5" ht="12.75" hidden="1" outlineLevel="1">
      <c r="A117" s="1" t="s">
        <v>109</v>
      </c>
      <c r="B117" s="2">
        <v>145.9</v>
      </c>
      <c r="C117" s="2">
        <v>108</v>
      </c>
      <c r="D117" s="2">
        <v>86</v>
      </c>
      <c r="E117" s="13">
        <v>8118</v>
      </c>
    </row>
    <row r="118" spans="1:5" ht="12.75" hidden="1" outlineLevel="1">
      <c r="A118" s="1" t="s">
        <v>110</v>
      </c>
      <c r="B118" s="2">
        <v>57.5</v>
      </c>
      <c r="C118" s="2">
        <v>42.5</v>
      </c>
      <c r="D118" s="2">
        <v>34</v>
      </c>
      <c r="E118" s="13">
        <v>8126</v>
      </c>
    </row>
    <row r="119" spans="1:5" ht="12.75" hidden="1" outlineLevel="1">
      <c r="A119" s="1" t="s">
        <v>111</v>
      </c>
      <c r="B119" s="2">
        <v>87.5</v>
      </c>
      <c r="C119" s="2">
        <v>65</v>
      </c>
      <c r="D119" s="2">
        <v>51.5</v>
      </c>
      <c r="E119" s="13">
        <v>8127</v>
      </c>
    </row>
    <row r="120" spans="1:5" collapsed="1">
      <c r="A120" s="4" t="s">
        <v>112</v>
      </c>
      <c r="B120" s="12"/>
      <c r="C120" s="12"/>
      <c r="D120" s="12"/>
      <c r="E120" s="12"/>
    </row>
    <row r="121" spans="1:5" ht="12.75" hidden="1" outlineLevel="1">
      <c r="A121" s="1" t="s">
        <v>113</v>
      </c>
      <c r="B121" s="2">
        <v>835</v>
      </c>
      <c r="C121" s="2">
        <v>697</v>
      </c>
      <c r="D121" s="2">
        <v>558</v>
      </c>
      <c r="E121" s="13">
        <v>7753</v>
      </c>
    </row>
    <row r="122" spans="1:5" ht="12.75" hidden="1" outlineLevel="1">
      <c r="A122" s="1" t="s">
        <v>114</v>
      </c>
      <c r="B122" s="2">
        <v>835</v>
      </c>
      <c r="C122" s="2">
        <v>697</v>
      </c>
      <c r="D122" s="2">
        <v>558</v>
      </c>
      <c r="E122" s="13">
        <v>7754</v>
      </c>
    </row>
    <row r="123" spans="1:5" ht="12.75" hidden="1" outlineLevel="1">
      <c r="A123" s="1" t="s">
        <v>115</v>
      </c>
      <c r="B123" s="2">
        <v>835</v>
      </c>
      <c r="C123" s="2">
        <v>697</v>
      </c>
      <c r="D123" s="2">
        <v>558</v>
      </c>
      <c r="E123" s="13">
        <v>7755</v>
      </c>
    </row>
    <row r="124" spans="1:5" ht="12.75" hidden="1" outlineLevel="1">
      <c r="A124" s="1" t="s">
        <v>116</v>
      </c>
      <c r="B124" s="2">
        <v>835</v>
      </c>
      <c r="C124" s="2">
        <v>697</v>
      </c>
      <c r="D124" s="2">
        <v>558</v>
      </c>
      <c r="E124" s="13">
        <v>7756</v>
      </c>
    </row>
    <row r="125" spans="1:5" ht="12.75" hidden="1" outlineLevel="1">
      <c r="A125" s="1" t="s">
        <v>117</v>
      </c>
      <c r="B125" s="2">
        <v>6950</v>
      </c>
      <c r="C125" s="2">
        <v>5790</v>
      </c>
      <c r="D125" s="2">
        <v>4635</v>
      </c>
      <c r="E125" s="13">
        <v>7749</v>
      </c>
    </row>
    <row r="126" spans="1:5" ht="12.75" hidden="1" outlineLevel="1">
      <c r="A126" s="1" t="s">
        <v>118</v>
      </c>
      <c r="B126" s="2">
        <v>835</v>
      </c>
      <c r="C126" s="2">
        <v>697</v>
      </c>
      <c r="D126" s="2">
        <v>558</v>
      </c>
      <c r="E126" s="13">
        <v>7757</v>
      </c>
    </row>
    <row r="127" spans="1:5" ht="12.75" hidden="1" outlineLevel="1">
      <c r="A127" s="1" t="s">
        <v>119</v>
      </c>
      <c r="B127" s="2">
        <v>6950</v>
      </c>
      <c r="C127" s="2">
        <v>5790</v>
      </c>
      <c r="D127" s="2">
        <v>4635</v>
      </c>
      <c r="E127" s="13">
        <v>7750</v>
      </c>
    </row>
    <row r="128" spans="1:5" ht="12.75" hidden="1" outlineLevel="1">
      <c r="A128" s="1" t="s">
        <v>120</v>
      </c>
      <c r="B128" s="2">
        <v>1030</v>
      </c>
      <c r="C128" s="2">
        <v>860</v>
      </c>
      <c r="D128" s="2">
        <v>686</v>
      </c>
      <c r="E128" s="13">
        <v>7758</v>
      </c>
    </row>
    <row r="129" spans="1:5" ht="12.75" hidden="1" outlineLevel="1">
      <c r="A129" s="1" t="s">
        <v>121</v>
      </c>
      <c r="B129" s="2">
        <v>1930</v>
      </c>
      <c r="C129" s="2">
        <v>1610</v>
      </c>
      <c r="D129" s="2">
        <v>1285</v>
      </c>
      <c r="E129" s="13">
        <v>7751</v>
      </c>
    </row>
    <row r="130" spans="1:5" ht="12.75" hidden="1" outlineLevel="1">
      <c r="A130" s="1" t="s">
        <v>122</v>
      </c>
      <c r="B130" s="2">
        <v>6115</v>
      </c>
      <c r="C130" s="2">
        <v>5095</v>
      </c>
      <c r="D130" s="2">
        <v>4075</v>
      </c>
      <c r="E130" s="13">
        <v>8379</v>
      </c>
    </row>
    <row r="131" spans="1:5" ht="19.5" hidden="1" outlineLevel="1">
      <c r="A131" s="1" t="s">
        <v>123</v>
      </c>
      <c r="B131" s="2">
        <v>2960</v>
      </c>
      <c r="C131" s="2">
        <v>2465</v>
      </c>
      <c r="D131" s="2">
        <v>1975</v>
      </c>
      <c r="E131" s="13">
        <v>8476</v>
      </c>
    </row>
    <row r="132" spans="1:5" ht="19.5" hidden="1" outlineLevel="1">
      <c r="A132" s="1" t="s">
        <v>124</v>
      </c>
      <c r="B132" s="2">
        <v>2960</v>
      </c>
      <c r="C132" s="2">
        <v>2465</v>
      </c>
      <c r="D132" s="2">
        <v>1975</v>
      </c>
      <c r="E132" s="13">
        <v>8500</v>
      </c>
    </row>
    <row r="133" spans="1:5" ht="19.5" hidden="1" outlineLevel="1">
      <c r="A133" s="1" t="s">
        <v>125</v>
      </c>
      <c r="B133" s="2">
        <v>2960</v>
      </c>
      <c r="C133" s="2">
        <v>2465</v>
      </c>
      <c r="D133" s="2">
        <v>1975</v>
      </c>
      <c r="E133" s="13">
        <v>8488</v>
      </c>
    </row>
    <row r="134" spans="1:5" ht="12.75" hidden="1" outlineLevel="1">
      <c r="A134" s="1" t="s">
        <v>126</v>
      </c>
      <c r="B134" s="2">
        <v>3605</v>
      </c>
      <c r="C134" s="2">
        <v>3005</v>
      </c>
      <c r="D134" s="2">
        <v>2400</v>
      </c>
      <c r="E134" s="13">
        <v>8374</v>
      </c>
    </row>
    <row r="135" spans="1:5" ht="19.5" hidden="1" outlineLevel="1">
      <c r="A135" s="1" t="s">
        <v>127</v>
      </c>
      <c r="B135" s="2">
        <v>2960</v>
      </c>
      <c r="C135" s="2">
        <v>2465</v>
      </c>
      <c r="D135" s="2">
        <v>1975</v>
      </c>
      <c r="E135" s="13">
        <v>8491</v>
      </c>
    </row>
    <row r="136" spans="1:5" ht="19.5" hidden="1" outlineLevel="1">
      <c r="A136" s="1" t="s">
        <v>128</v>
      </c>
      <c r="B136" s="2">
        <v>2960</v>
      </c>
      <c r="C136" s="2">
        <v>2465</v>
      </c>
      <c r="D136" s="2">
        <v>1975</v>
      </c>
      <c r="E136" s="13">
        <v>8486</v>
      </c>
    </row>
    <row r="137" spans="1:5" ht="19.5" hidden="1" outlineLevel="1">
      <c r="A137" s="1" t="s">
        <v>129</v>
      </c>
      <c r="B137" s="2">
        <v>2960</v>
      </c>
      <c r="C137" s="2">
        <v>2465</v>
      </c>
      <c r="D137" s="2">
        <v>1975</v>
      </c>
      <c r="E137" s="13">
        <v>8487</v>
      </c>
    </row>
    <row r="138" spans="1:5" ht="19.5" hidden="1" outlineLevel="1">
      <c r="A138" s="1" t="s">
        <v>130</v>
      </c>
      <c r="B138" s="2">
        <v>2960</v>
      </c>
      <c r="C138" s="2">
        <v>2465</v>
      </c>
      <c r="D138" s="2">
        <v>1975</v>
      </c>
      <c r="E138" s="13">
        <v>8492</v>
      </c>
    </row>
    <row r="139" spans="1:5" ht="19.5" hidden="1" outlineLevel="1">
      <c r="A139" s="1" t="s">
        <v>131</v>
      </c>
      <c r="B139" s="2">
        <v>2960</v>
      </c>
      <c r="C139" s="2">
        <v>2465</v>
      </c>
      <c r="D139" s="2">
        <v>1975</v>
      </c>
      <c r="E139" s="13">
        <v>8489</v>
      </c>
    </row>
    <row r="140" spans="1:5" ht="12.75" hidden="1" outlineLevel="1">
      <c r="A140" s="1" t="s">
        <v>132</v>
      </c>
      <c r="B140" s="2">
        <v>3605</v>
      </c>
      <c r="C140" s="2">
        <v>3005</v>
      </c>
      <c r="D140" s="2">
        <v>2400</v>
      </c>
      <c r="E140" s="13">
        <v>8972</v>
      </c>
    </row>
    <row r="141" spans="1:5" ht="12.75" hidden="1" outlineLevel="1">
      <c r="A141" s="1" t="s">
        <v>133</v>
      </c>
      <c r="B141" s="2">
        <v>3605</v>
      </c>
      <c r="C141" s="2">
        <v>3005</v>
      </c>
      <c r="D141" s="2">
        <v>2400</v>
      </c>
      <c r="E141" s="13">
        <v>7631</v>
      </c>
    </row>
    <row r="142" spans="1:5" ht="19.5" hidden="1" outlineLevel="1">
      <c r="A142" s="1" t="s">
        <v>134</v>
      </c>
      <c r="B142" s="2">
        <v>2960</v>
      </c>
      <c r="C142" s="2">
        <v>2465</v>
      </c>
      <c r="D142" s="2">
        <v>1975</v>
      </c>
      <c r="E142" s="13">
        <v>8490</v>
      </c>
    </row>
    <row r="143" spans="1:5" ht="12.75" hidden="1" outlineLevel="1">
      <c r="A143" s="1" t="s">
        <v>135</v>
      </c>
      <c r="B143" s="2">
        <v>2960</v>
      </c>
      <c r="C143" s="2">
        <v>2465</v>
      </c>
      <c r="D143" s="2">
        <v>1975</v>
      </c>
      <c r="E143" s="13">
        <v>8387</v>
      </c>
    </row>
    <row r="144" spans="1:5" ht="12.75" hidden="1" outlineLevel="1">
      <c r="A144" s="1" t="s">
        <v>136</v>
      </c>
      <c r="B144" s="2">
        <v>2960</v>
      </c>
      <c r="C144" s="2">
        <v>2465</v>
      </c>
      <c r="D144" s="2">
        <v>1975</v>
      </c>
      <c r="E144" s="13">
        <v>8390</v>
      </c>
    </row>
    <row r="145" spans="1:5" ht="12.75" hidden="1" outlineLevel="1">
      <c r="A145" s="1" t="s">
        <v>137</v>
      </c>
      <c r="B145" s="2">
        <v>2960</v>
      </c>
      <c r="C145" s="2">
        <v>2465</v>
      </c>
      <c r="D145" s="2">
        <v>1975</v>
      </c>
      <c r="E145" s="13">
        <v>8391</v>
      </c>
    </row>
    <row r="146" spans="1:5" ht="12.75" hidden="1" outlineLevel="1">
      <c r="A146" s="1" t="s">
        <v>138</v>
      </c>
      <c r="B146" s="2">
        <v>2960</v>
      </c>
      <c r="C146" s="2">
        <v>2465</v>
      </c>
      <c r="D146" s="2">
        <v>1975</v>
      </c>
      <c r="E146" s="13">
        <v>8388</v>
      </c>
    </row>
    <row r="147" spans="1:5" ht="12.75" hidden="1" outlineLevel="1">
      <c r="A147" s="1" t="s">
        <v>139</v>
      </c>
      <c r="B147" s="2">
        <v>2960</v>
      </c>
      <c r="C147" s="2">
        <v>2465</v>
      </c>
      <c r="D147" s="2">
        <v>1975</v>
      </c>
      <c r="E147" s="13">
        <v>8389</v>
      </c>
    </row>
    <row r="148" spans="1:5" ht="12.75" hidden="1" outlineLevel="1">
      <c r="A148" s="1" t="s">
        <v>140</v>
      </c>
      <c r="B148" s="2">
        <v>5470</v>
      </c>
      <c r="C148" s="2">
        <v>4560</v>
      </c>
      <c r="D148" s="2">
        <v>3645</v>
      </c>
      <c r="E148" s="13">
        <v>8220</v>
      </c>
    </row>
    <row r="149" spans="1:5" ht="12.75" hidden="1" outlineLevel="1">
      <c r="A149" s="1" t="s">
        <v>141</v>
      </c>
      <c r="B149" s="2">
        <v>770</v>
      </c>
      <c r="C149" s="2">
        <v>644</v>
      </c>
      <c r="D149" s="2">
        <v>515</v>
      </c>
      <c r="E149" s="13">
        <v>7736</v>
      </c>
    </row>
    <row r="150" spans="1:5" ht="12.75" hidden="1" outlineLevel="1">
      <c r="A150" s="1" t="s">
        <v>142</v>
      </c>
      <c r="B150" s="2">
        <v>5470</v>
      </c>
      <c r="C150" s="2">
        <v>4560</v>
      </c>
      <c r="D150" s="2">
        <v>3645</v>
      </c>
      <c r="E150" s="13">
        <v>8960</v>
      </c>
    </row>
    <row r="151" spans="1:5" ht="12.75" hidden="1" outlineLevel="1">
      <c r="A151" s="1" t="s">
        <v>143</v>
      </c>
      <c r="B151" s="2">
        <v>770</v>
      </c>
      <c r="C151" s="2">
        <v>644</v>
      </c>
      <c r="D151" s="2">
        <v>515</v>
      </c>
      <c r="E151" s="13">
        <v>7737</v>
      </c>
    </row>
    <row r="152" spans="1:5" ht="12.75" hidden="1" outlineLevel="1">
      <c r="A152" s="1" t="s">
        <v>144</v>
      </c>
      <c r="B152" s="2">
        <v>5470</v>
      </c>
      <c r="C152" s="2">
        <v>4560</v>
      </c>
      <c r="D152" s="2">
        <v>3645</v>
      </c>
      <c r="E152" s="13">
        <v>8959</v>
      </c>
    </row>
    <row r="153" spans="1:5" ht="12.75" hidden="1" outlineLevel="1">
      <c r="A153" s="1" t="s">
        <v>145</v>
      </c>
      <c r="B153" s="2">
        <v>770</v>
      </c>
      <c r="C153" s="2">
        <v>644</v>
      </c>
      <c r="D153" s="2">
        <v>515</v>
      </c>
      <c r="E153" s="13">
        <v>7738</v>
      </c>
    </row>
    <row r="154" spans="1:5" ht="12.75" hidden="1" outlineLevel="1">
      <c r="A154" s="1" t="s">
        <v>146</v>
      </c>
      <c r="B154" s="2">
        <v>5470</v>
      </c>
      <c r="C154" s="2">
        <v>4560</v>
      </c>
      <c r="D154" s="2">
        <v>3645</v>
      </c>
      <c r="E154" s="13">
        <v>8228</v>
      </c>
    </row>
    <row r="155" spans="1:5" ht="12.75" hidden="1" outlineLevel="1">
      <c r="A155" s="1" t="s">
        <v>147</v>
      </c>
      <c r="B155" s="2">
        <v>770</v>
      </c>
      <c r="C155" s="2">
        <v>644</v>
      </c>
      <c r="D155" s="2">
        <v>515</v>
      </c>
      <c r="E155" s="13">
        <v>7739</v>
      </c>
    </row>
    <row r="156" spans="1:5" ht="12.75" hidden="1" outlineLevel="1">
      <c r="A156" s="1" t="s">
        <v>148</v>
      </c>
      <c r="B156" s="2">
        <v>5470</v>
      </c>
      <c r="C156" s="2">
        <v>4560</v>
      </c>
      <c r="D156" s="2">
        <v>3645</v>
      </c>
      <c r="E156" s="13">
        <v>7633</v>
      </c>
    </row>
    <row r="157" spans="1:5" ht="12.75" hidden="1" outlineLevel="1">
      <c r="A157" s="1" t="s">
        <v>149</v>
      </c>
      <c r="B157" s="2">
        <v>770</v>
      </c>
      <c r="C157" s="2">
        <v>644</v>
      </c>
      <c r="D157" s="2">
        <v>515</v>
      </c>
      <c r="E157" s="13">
        <v>7740</v>
      </c>
    </row>
    <row r="158" spans="1:5" ht="12.75" hidden="1" outlineLevel="1">
      <c r="A158" s="1" t="s">
        <v>150</v>
      </c>
      <c r="B158" s="2">
        <v>5470</v>
      </c>
      <c r="C158" s="2">
        <v>4560</v>
      </c>
      <c r="D158" s="2">
        <v>3645</v>
      </c>
      <c r="E158" s="13">
        <v>7634</v>
      </c>
    </row>
    <row r="159" spans="1:5" ht="12.75" hidden="1" outlineLevel="1">
      <c r="A159" s="1" t="s">
        <v>151</v>
      </c>
      <c r="B159" s="2">
        <v>770</v>
      </c>
      <c r="C159" s="2">
        <v>644</v>
      </c>
      <c r="D159" s="2">
        <v>515</v>
      </c>
      <c r="E159" s="13">
        <v>7741</v>
      </c>
    </row>
    <row r="160" spans="1:5" ht="12.75" hidden="1" outlineLevel="1">
      <c r="A160" s="1" t="s">
        <v>152</v>
      </c>
      <c r="B160" s="2">
        <v>1040</v>
      </c>
      <c r="C160" s="2">
        <v>870</v>
      </c>
      <c r="D160" s="2">
        <v>695</v>
      </c>
      <c r="E160" s="13">
        <v>9254</v>
      </c>
    </row>
    <row r="161" spans="1:5" ht="12.75" hidden="1" outlineLevel="1">
      <c r="A161" s="1" t="s">
        <v>153</v>
      </c>
      <c r="B161" s="2">
        <v>1040</v>
      </c>
      <c r="C161" s="2">
        <v>870</v>
      </c>
      <c r="D161" s="2">
        <v>695</v>
      </c>
      <c r="E161" s="13">
        <v>9248</v>
      </c>
    </row>
    <row r="162" spans="1:5" ht="12.75" hidden="1" outlineLevel="1">
      <c r="A162" s="1" t="s">
        <v>154</v>
      </c>
      <c r="B162" s="2">
        <v>1040</v>
      </c>
      <c r="C162" s="2">
        <v>870</v>
      </c>
      <c r="D162" s="2">
        <v>695</v>
      </c>
      <c r="E162" s="13">
        <v>9249</v>
      </c>
    </row>
    <row r="163" spans="1:5" ht="12.75" hidden="1" outlineLevel="1">
      <c r="A163" s="1" t="s">
        <v>155</v>
      </c>
      <c r="B163" s="2">
        <v>1040</v>
      </c>
      <c r="C163" s="2">
        <v>870</v>
      </c>
      <c r="D163" s="2">
        <v>695</v>
      </c>
      <c r="E163" s="13">
        <v>9250</v>
      </c>
    </row>
    <row r="164" spans="1:5" ht="12.75" hidden="1" outlineLevel="1">
      <c r="A164" s="1" t="s">
        <v>156</v>
      </c>
      <c r="B164" s="2">
        <v>1040</v>
      </c>
      <c r="C164" s="2">
        <v>870</v>
      </c>
      <c r="D164" s="2">
        <v>695</v>
      </c>
      <c r="E164" s="13">
        <v>9251</v>
      </c>
    </row>
    <row r="165" spans="1:5" ht="12.75" hidden="1" outlineLevel="1">
      <c r="A165" s="1" t="s">
        <v>157</v>
      </c>
      <c r="B165" s="2">
        <v>1040</v>
      </c>
      <c r="C165" s="2">
        <v>870</v>
      </c>
      <c r="D165" s="2">
        <v>695</v>
      </c>
      <c r="E165" s="13">
        <v>9252</v>
      </c>
    </row>
    <row r="166" spans="1:5" ht="12.75" hidden="1" outlineLevel="1">
      <c r="A166" s="1" t="s">
        <v>158</v>
      </c>
      <c r="B166" s="2">
        <v>1040</v>
      </c>
      <c r="C166" s="2">
        <v>870</v>
      </c>
      <c r="D166" s="2">
        <v>695</v>
      </c>
      <c r="E166" s="13">
        <v>9253</v>
      </c>
    </row>
    <row r="167" spans="1:5" ht="12.75" hidden="1" outlineLevel="1">
      <c r="A167" s="1" t="s">
        <v>159</v>
      </c>
      <c r="B167" s="2">
        <v>835</v>
      </c>
      <c r="C167" s="2">
        <v>697</v>
      </c>
      <c r="D167" s="2">
        <v>558</v>
      </c>
      <c r="E167" s="13">
        <v>8622</v>
      </c>
    </row>
    <row r="168" spans="1:5" ht="12.75" hidden="1" outlineLevel="1">
      <c r="A168" s="1" t="s">
        <v>160</v>
      </c>
      <c r="B168" s="2">
        <v>835</v>
      </c>
      <c r="C168" s="2">
        <v>697</v>
      </c>
      <c r="D168" s="2">
        <v>558</v>
      </c>
      <c r="E168" s="13">
        <v>8623</v>
      </c>
    </row>
    <row r="169" spans="1:5" ht="12.75" hidden="1" outlineLevel="1">
      <c r="A169" s="1" t="s">
        <v>161</v>
      </c>
      <c r="B169" s="2">
        <v>835</v>
      </c>
      <c r="C169" s="2">
        <v>697</v>
      </c>
      <c r="D169" s="2">
        <v>558</v>
      </c>
      <c r="E169" s="13">
        <v>8618</v>
      </c>
    </row>
    <row r="170" spans="1:5" ht="12.75" hidden="1" outlineLevel="1">
      <c r="A170" s="1" t="s">
        <v>162</v>
      </c>
      <c r="B170" s="2">
        <v>835</v>
      </c>
      <c r="C170" s="2">
        <v>697</v>
      </c>
      <c r="D170" s="2">
        <v>558</v>
      </c>
      <c r="E170" s="13">
        <v>8619</v>
      </c>
    </row>
    <row r="171" spans="1:5" ht="12.75" hidden="1" outlineLevel="1">
      <c r="A171" s="1" t="s">
        <v>163</v>
      </c>
      <c r="B171" s="2">
        <v>835</v>
      </c>
      <c r="C171" s="2">
        <v>697</v>
      </c>
      <c r="D171" s="2">
        <v>558</v>
      </c>
      <c r="E171" s="13">
        <v>8620</v>
      </c>
    </row>
    <row r="172" spans="1:5" ht="12.75" hidden="1" outlineLevel="1">
      <c r="A172" s="1" t="s">
        <v>164</v>
      </c>
      <c r="B172" s="2">
        <v>835</v>
      </c>
      <c r="C172" s="2">
        <v>697</v>
      </c>
      <c r="D172" s="2">
        <v>558</v>
      </c>
      <c r="E172" s="13">
        <v>8621</v>
      </c>
    </row>
    <row r="173" spans="1:5" ht="12.75" hidden="1" outlineLevel="1">
      <c r="A173" s="1" t="s">
        <v>165</v>
      </c>
      <c r="B173" s="2">
        <v>835</v>
      </c>
      <c r="C173" s="2">
        <v>697</v>
      </c>
      <c r="D173" s="2">
        <v>558</v>
      </c>
      <c r="E173" s="13">
        <v>8079</v>
      </c>
    </row>
    <row r="174" spans="1:5" ht="12.75" hidden="1" outlineLevel="1">
      <c r="A174" s="1" t="s">
        <v>166</v>
      </c>
      <c r="B174" s="2">
        <v>835</v>
      </c>
      <c r="C174" s="2">
        <v>697</v>
      </c>
      <c r="D174" s="2">
        <v>558</v>
      </c>
      <c r="E174" s="13">
        <v>8080</v>
      </c>
    </row>
    <row r="175" spans="1:5" ht="12.75" hidden="1" outlineLevel="1">
      <c r="A175" s="1" t="s">
        <v>167</v>
      </c>
      <c r="B175" s="2">
        <v>835</v>
      </c>
      <c r="C175" s="2">
        <v>697</v>
      </c>
      <c r="D175" s="2">
        <v>558</v>
      </c>
      <c r="E175" s="13">
        <v>8081</v>
      </c>
    </row>
    <row r="176" spans="1:5" ht="12.75" hidden="1" outlineLevel="1">
      <c r="A176" s="1" t="s">
        <v>168</v>
      </c>
      <c r="B176" s="2">
        <v>985</v>
      </c>
      <c r="C176" s="2">
        <v>820</v>
      </c>
      <c r="D176" s="2">
        <v>656</v>
      </c>
      <c r="E176" s="13">
        <v>8624</v>
      </c>
    </row>
    <row r="177" spans="1:5" ht="19.5" hidden="1" outlineLevel="1">
      <c r="A177" s="1" t="s">
        <v>169</v>
      </c>
      <c r="B177" s="2">
        <v>3860</v>
      </c>
      <c r="C177" s="2">
        <v>3220</v>
      </c>
      <c r="D177" s="2">
        <v>2575</v>
      </c>
      <c r="E177" s="13">
        <v>7742</v>
      </c>
    </row>
    <row r="178" spans="1:5" ht="19.5" hidden="1" outlineLevel="1">
      <c r="A178" s="1" t="s">
        <v>170</v>
      </c>
      <c r="B178" s="2">
        <v>3860</v>
      </c>
      <c r="C178" s="2">
        <v>3220</v>
      </c>
      <c r="D178" s="2">
        <v>2575</v>
      </c>
      <c r="E178" s="13">
        <v>7748</v>
      </c>
    </row>
    <row r="179" spans="1:5" ht="19.5" hidden="1" outlineLevel="1">
      <c r="A179" s="1" t="s">
        <v>171</v>
      </c>
      <c r="B179" s="2">
        <v>3860</v>
      </c>
      <c r="C179" s="2">
        <v>3220</v>
      </c>
      <c r="D179" s="2">
        <v>2575</v>
      </c>
      <c r="E179" s="13">
        <v>7752</v>
      </c>
    </row>
    <row r="180" spans="1:5" ht="19.5" hidden="1" outlineLevel="1">
      <c r="A180" s="1" t="s">
        <v>172</v>
      </c>
      <c r="B180" s="2">
        <v>3860</v>
      </c>
      <c r="C180" s="2">
        <v>3220</v>
      </c>
      <c r="D180" s="2">
        <v>2575</v>
      </c>
      <c r="E180" s="13">
        <v>7746</v>
      </c>
    </row>
    <row r="181" spans="1:5" ht="12.75" hidden="1" outlineLevel="1">
      <c r="A181" s="1" t="s">
        <v>173</v>
      </c>
      <c r="B181" s="2">
        <v>4505</v>
      </c>
      <c r="C181" s="2">
        <v>3755</v>
      </c>
      <c r="D181" s="2">
        <v>3005</v>
      </c>
      <c r="E181" s="13">
        <v>8520</v>
      </c>
    </row>
    <row r="182" spans="1:5" ht="12.75" hidden="1" outlineLevel="1">
      <c r="A182" s="1" t="s">
        <v>174</v>
      </c>
      <c r="B182" s="2">
        <v>4505</v>
      </c>
      <c r="C182" s="2">
        <v>3755</v>
      </c>
      <c r="D182" s="2">
        <v>3005</v>
      </c>
      <c r="E182" s="13">
        <v>8519</v>
      </c>
    </row>
    <row r="183" spans="1:5" ht="12.75" hidden="1" outlineLevel="1">
      <c r="A183" s="1" t="s">
        <v>175</v>
      </c>
      <c r="B183" s="2">
        <v>1040</v>
      </c>
      <c r="C183" s="2">
        <v>870</v>
      </c>
      <c r="D183" s="2">
        <v>695</v>
      </c>
      <c r="E183" s="13">
        <v>208</v>
      </c>
    </row>
    <row r="184" spans="1:5" ht="12.75" hidden="1" outlineLevel="1">
      <c r="A184" s="1" t="s">
        <v>176</v>
      </c>
      <c r="B184" s="2">
        <v>1040</v>
      </c>
      <c r="C184" s="2">
        <v>870</v>
      </c>
      <c r="D184" s="2">
        <v>695</v>
      </c>
      <c r="E184" s="13">
        <v>7029</v>
      </c>
    </row>
    <row r="185" spans="1:5" ht="12.75" hidden="1" outlineLevel="1">
      <c r="A185" s="1" t="s">
        <v>177</v>
      </c>
      <c r="B185" s="2">
        <v>1040</v>
      </c>
      <c r="C185" s="2">
        <v>870</v>
      </c>
      <c r="D185" s="2">
        <v>695</v>
      </c>
      <c r="E185" s="13">
        <v>526</v>
      </c>
    </row>
    <row r="186" spans="1:5" ht="12.75" hidden="1" outlineLevel="1">
      <c r="A186" s="1" t="s">
        <v>178</v>
      </c>
      <c r="B186" s="2">
        <v>1040</v>
      </c>
      <c r="C186" s="2">
        <v>870</v>
      </c>
      <c r="D186" s="2">
        <v>695</v>
      </c>
      <c r="E186" s="13">
        <v>527</v>
      </c>
    </row>
    <row r="187" spans="1:5" ht="12.75" hidden="1" outlineLevel="1">
      <c r="A187" s="1" t="s">
        <v>179</v>
      </c>
      <c r="B187" s="2">
        <v>644</v>
      </c>
      <c r="C187" s="2">
        <v>536</v>
      </c>
      <c r="D187" s="2">
        <v>429</v>
      </c>
      <c r="E187" s="13">
        <v>7770</v>
      </c>
    </row>
    <row r="188" spans="1:5" ht="12.75" hidden="1" outlineLevel="1">
      <c r="A188" s="1" t="s">
        <v>180</v>
      </c>
      <c r="B188" s="2">
        <v>644</v>
      </c>
      <c r="C188" s="2">
        <v>536</v>
      </c>
      <c r="D188" s="2">
        <v>429</v>
      </c>
      <c r="E188" s="13">
        <v>7771</v>
      </c>
    </row>
    <row r="189" spans="1:5" ht="12.75" hidden="1" outlineLevel="1">
      <c r="A189" s="1" t="s">
        <v>181</v>
      </c>
      <c r="B189" s="2">
        <v>644</v>
      </c>
      <c r="C189" s="2">
        <v>536</v>
      </c>
      <c r="D189" s="2">
        <v>429</v>
      </c>
      <c r="E189" s="13">
        <v>7772</v>
      </c>
    </row>
    <row r="190" spans="1:5" ht="12.75" hidden="1" outlineLevel="1">
      <c r="A190" s="1" t="s">
        <v>182</v>
      </c>
      <c r="B190" s="2">
        <v>644</v>
      </c>
      <c r="C190" s="2">
        <v>536</v>
      </c>
      <c r="D190" s="2">
        <v>429</v>
      </c>
      <c r="E190" s="13">
        <v>7773</v>
      </c>
    </row>
    <row r="191" spans="1:5" ht="19.5" hidden="1" outlineLevel="1">
      <c r="A191" s="1" t="s">
        <v>183</v>
      </c>
      <c r="B191" s="2">
        <v>644</v>
      </c>
      <c r="C191" s="2">
        <v>536</v>
      </c>
      <c r="D191" s="2">
        <v>429</v>
      </c>
      <c r="E191" s="13">
        <v>7769</v>
      </c>
    </row>
    <row r="192" spans="1:5" ht="12.75" hidden="1" outlineLevel="1">
      <c r="A192" s="1" t="s">
        <v>184</v>
      </c>
      <c r="B192" s="2">
        <v>1480</v>
      </c>
      <c r="C192" s="2">
        <v>1235</v>
      </c>
      <c r="D192" s="2">
        <v>985</v>
      </c>
      <c r="E192" s="13">
        <v>7765</v>
      </c>
    </row>
    <row r="193" spans="1:5" ht="12.75" hidden="1" outlineLevel="1">
      <c r="A193" s="1" t="s">
        <v>185</v>
      </c>
      <c r="B193" s="2">
        <v>4700</v>
      </c>
      <c r="C193" s="2">
        <v>3915</v>
      </c>
      <c r="D193" s="2">
        <v>3130</v>
      </c>
      <c r="E193" s="13">
        <v>7766</v>
      </c>
    </row>
    <row r="194" spans="1:5" ht="19.5" hidden="1" outlineLevel="1">
      <c r="A194" s="1" t="s">
        <v>186</v>
      </c>
      <c r="B194" s="2">
        <v>5150</v>
      </c>
      <c r="C194" s="2">
        <v>4290</v>
      </c>
      <c r="D194" s="2">
        <v>3430</v>
      </c>
      <c r="E194" s="13">
        <v>7471</v>
      </c>
    </row>
    <row r="195" spans="1:5" ht="29.25" hidden="1" outlineLevel="1">
      <c r="A195" s="1" t="s">
        <v>187</v>
      </c>
      <c r="B195" s="2">
        <v>2250</v>
      </c>
      <c r="C195" s="2">
        <v>1875</v>
      </c>
      <c r="D195" s="2">
        <v>1500</v>
      </c>
      <c r="E195" s="13">
        <v>7472</v>
      </c>
    </row>
    <row r="196" spans="1:5" ht="12.75" hidden="1" outlineLevel="1">
      <c r="A196" s="1" t="s">
        <v>188</v>
      </c>
      <c r="B196" s="2">
        <v>2895</v>
      </c>
      <c r="C196" s="2">
        <v>2415</v>
      </c>
      <c r="D196" s="2">
        <v>1930</v>
      </c>
      <c r="E196" s="13">
        <v>1368</v>
      </c>
    </row>
    <row r="197" spans="1:5" ht="12.75" hidden="1" outlineLevel="1">
      <c r="A197" s="1" t="s">
        <v>189</v>
      </c>
      <c r="B197" s="2">
        <v>4505</v>
      </c>
      <c r="C197" s="2">
        <v>3755</v>
      </c>
      <c r="D197" s="2">
        <v>3005</v>
      </c>
      <c r="E197" s="13">
        <v>1364</v>
      </c>
    </row>
    <row r="198" spans="1:5" ht="19.5" hidden="1" outlineLevel="1">
      <c r="A198" s="1" t="s">
        <v>190</v>
      </c>
      <c r="B198" s="2">
        <v>1030</v>
      </c>
      <c r="C198" s="2">
        <v>860</v>
      </c>
      <c r="D198" s="2">
        <v>686</v>
      </c>
      <c r="E198" s="13">
        <v>1322</v>
      </c>
    </row>
    <row r="199" spans="1:5" ht="19.5" hidden="1" outlineLevel="1">
      <c r="A199" s="1" t="s">
        <v>191</v>
      </c>
      <c r="B199" s="2">
        <v>6755</v>
      </c>
      <c r="C199" s="2">
        <v>5630</v>
      </c>
      <c r="D199" s="2">
        <v>4505</v>
      </c>
      <c r="E199" s="13">
        <v>1379</v>
      </c>
    </row>
    <row r="200" spans="1:5" ht="12.75" hidden="1" outlineLevel="1">
      <c r="A200" s="1" t="s">
        <v>192</v>
      </c>
      <c r="B200" s="2">
        <v>6725</v>
      </c>
      <c r="C200" s="2">
        <v>5605</v>
      </c>
      <c r="D200" s="2">
        <v>4485</v>
      </c>
      <c r="E200" s="13">
        <v>4989</v>
      </c>
    </row>
    <row r="201" spans="1:5" ht="12.75" hidden="1" outlineLevel="1">
      <c r="A201" s="1" t="s">
        <v>193</v>
      </c>
      <c r="B201" s="2">
        <v>6435</v>
      </c>
      <c r="C201" s="2">
        <v>5365</v>
      </c>
      <c r="D201" s="2">
        <v>4290</v>
      </c>
      <c r="E201" s="13">
        <v>3255</v>
      </c>
    </row>
    <row r="202" spans="1:5" ht="19.5" hidden="1" outlineLevel="1">
      <c r="A202" s="1" t="s">
        <v>194</v>
      </c>
      <c r="B202" s="2">
        <v>6725</v>
      </c>
      <c r="C202" s="2">
        <v>5605</v>
      </c>
      <c r="D202" s="2">
        <v>4485</v>
      </c>
      <c r="E202" s="13">
        <v>4991</v>
      </c>
    </row>
    <row r="203" spans="1:5" ht="19.5" hidden="1" outlineLevel="1">
      <c r="A203" s="1" t="s">
        <v>195</v>
      </c>
      <c r="B203" s="2">
        <v>835</v>
      </c>
      <c r="C203" s="2">
        <v>697</v>
      </c>
      <c r="D203" s="2">
        <v>558</v>
      </c>
      <c r="E203" s="13">
        <v>9330</v>
      </c>
    </row>
    <row r="204" spans="1:5" ht="12.75" hidden="1" outlineLevel="1">
      <c r="A204" s="1" t="s">
        <v>196</v>
      </c>
      <c r="B204" s="2">
        <v>6435</v>
      </c>
      <c r="C204" s="2">
        <v>5365</v>
      </c>
      <c r="D204" s="2">
        <v>4290</v>
      </c>
      <c r="E204" s="13">
        <v>40</v>
      </c>
    </row>
    <row r="205" spans="1:5" ht="19.5" hidden="1" outlineLevel="1">
      <c r="A205" s="1" t="s">
        <v>197</v>
      </c>
      <c r="B205" s="2">
        <v>7270</v>
      </c>
      <c r="C205" s="2">
        <v>6060</v>
      </c>
      <c r="D205" s="2">
        <v>4850</v>
      </c>
      <c r="E205" s="13">
        <v>6997</v>
      </c>
    </row>
    <row r="206" spans="1:5" ht="19.5" hidden="1" outlineLevel="1">
      <c r="A206" s="1" t="s">
        <v>198</v>
      </c>
      <c r="B206" s="2">
        <v>7080</v>
      </c>
      <c r="C206" s="2">
        <v>5900</v>
      </c>
      <c r="D206" s="2">
        <v>4720</v>
      </c>
      <c r="E206" s="13">
        <v>4990</v>
      </c>
    </row>
    <row r="207" spans="1:5" ht="12.75" hidden="1" outlineLevel="1">
      <c r="A207" s="1" t="s">
        <v>199</v>
      </c>
      <c r="B207" s="2">
        <v>25740</v>
      </c>
      <c r="C207" s="2">
        <v>21450</v>
      </c>
      <c r="D207" s="2">
        <v>17160</v>
      </c>
      <c r="E207" s="13">
        <v>9399</v>
      </c>
    </row>
    <row r="208" spans="1:5" ht="12.75" hidden="1" outlineLevel="1">
      <c r="A208" s="1" t="s">
        <v>200</v>
      </c>
      <c r="B208" s="2">
        <v>25740</v>
      </c>
      <c r="C208" s="2">
        <v>21450</v>
      </c>
      <c r="D208" s="2">
        <v>17160</v>
      </c>
      <c r="E208" s="13">
        <v>4773</v>
      </c>
    </row>
    <row r="209" spans="1:5" ht="12.75" hidden="1" outlineLevel="1">
      <c r="A209" s="1" t="s">
        <v>201</v>
      </c>
      <c r="B209" s="2">
        <v>25740</v>
      </c>
      <c r="C209" s="2">
        <v>21450</v>
      </c>
      <c r="D209" s="2">
        <v>17160</v>
      </c>
      <c r="E209" s="13">
        <v>536</v>
      </c>
    </row>
    <row r="210" spans="1:5" ht="19.5" hidden="1" outlineLevel="1">
      <c r="A210" s="1" t="s">
        <v>202</v>
      </c>
      <c r="B210" s="2">
        <v>23970</v>
      </c>
      <c r="C210" s="2">
        <v>19980</v>
      </c>
      <c r="D210" s="2">
        <v>15980</v>
      </c>
      <c r="E210" s="13">
        <v>9391</v>
      </c>
    </row>
    <row r="211" spans="1:5" ht="19.5" hidden="1" outlineLevel="1">
      <c r="A211" s="1" t="s">
        <v>203</v>
      </c>
      <c r="B211" s="2">
        <v>23970</v>
      </c>
      <c r="C211" s="2">
        <v>19980</v>
      </c>
      <c r="D211" s="2">
        <v>15980</v>
      </c>
      <c r="E211" s="13">
        <v>9396</v>
      </c>
    </row>
    <row r="212" spans="1:5" ht="19.5" hidden="1" outlineLevel="1">
      <c r="A212" s="1" t="s">
        <v>204</v>
      </c>
      <c r="B212" s="2">
        <v>23970</v>
      </c>
      <c r="C212" s="2">
        <v>19980</v>
      </c>
      <c r="D212" s="2">
        <v>15980</v>
      </c>
      <c r="E212" s="13">
        <v>9394</v>
      </c>
    </row>
    <row r="213" spans="1:5" ht="19.5" hidden="1" outlineLevel="1">
      <c r="A213" s="1" t="s">
        <v>205</v>
      </c>
      <c r="B213" s="2">
        <v>23970</v>
      </c>
      <c r="C213" s="2">
        <v>19980</v>
      </c>
      <c r="D213" s="2">
        <v>15980</v>
      </c>
      <c r="E213" s="13">
        <v>9426</v>
      </c>
    </row>
    <row r="214" spans="1:5" ht="19.5" hidden="1" outlineLevel="1">
      <c r="A214" s="1" t="s">
        <v>206</v>
      </c>
      <c r="B214" s="2">
        <v>23970</v>
      </c>
      <c r="C214" s="2">
        <v>19980</v>
      </c>
      <c r="D214" s="2">
        <v>15980</v>
      </c>
      <c r="E214" s="13">
        <v>9395</v>
      </c>
    </row>
    <row r="215" spans="1:5" ht="19.5" hidden="1" outlineLevel="1">
      <c r="A215" s="1" t="s">
        <v>207</v>
      </c>
      <c r="B215" s="2">
        <v>23970</v>
      </c>
      <c r="C215" s="2">
        <v>19980</v>
      </c>
      <c r="D215" s="2">
        <v>15980</v>
      </c>
      <c r="E215" s="13">
        <v>9392</v>
      </c>
    </row>
    <row r="216" spans="1:5" ht="19.5" hidden="1" outlineLevel="1">
      <c r="A216" s="1" t="s">
        <v>208</v>
      </c>
      <c r="B216" s="2">
        <v>23970</v>
      </c>
      <c r="C216" s="2">
        <v>19980</v>
      </c>
      <c r="D216" s="2">
        <v>15980</v>
      </c>
      <c r="E216" s="13">
        <v>9425</v>
      </c>
    </row>
    <row r="217" spans="1:5" ht="19.5" hidden="1" outlineLevel="1">
      <c r="A217" s="1" t="s">
        <v>209</v>
      </c>
      <c r="B217" s="2">
        <v>23970</v>
      </c>
      <c r="C217" s="2">
        <v>19980</v>
      </c>
      <c r="D217" s="2">
        <v>15980</v>
      </c>
      <c r="E217" s="13">
        <v>9390</v>
      </c>
    </row>
    <row r="218" spans="1:5" ht="19.5" hidden="1" outlineLevel="1">
      <c r="A218" s="1" t="s">
        <v>210</v>
      </c>
      <c r="B218" s="2">
        <v>5355</v>
      </c>
      <c r="C218" s="2">
        <v>4460</v>
      </c>
      <c r="D218" s="2">
        <v>3570</v>
      </c>
      <c r="E218" s="13">
        <v>5356</v>
      </c>
    </row>
    <row r="219" spans="1:5" ht="29.25" hidden="1" outlineLevel="1">
      <c r="A219" s="1" t="s">
        <v>211</v>
      </c>
      <c r="B219" s="2">
        <v>6885</v>
      </c>
      <c r="C219" s="2">
        <v>5740</v>
      </c>
      <c r="D219" s="2">
        <v>4590</v>
      </c>
      <c r="E219" s="13">
        <v>4893</v>
      </c>
    </row>
    <row r="220" spans="1:5" ht="29.25" hidden="1" outlineLevel="1">
      <c r="A220" s="1" t="s">
        <v>212</v>
      </c>
      <c r="B220" s="2">
        <v>8455</v>
      </c>
      <c r="C220" s="2">
        <v>7045</v>
      </c>
      <c r="D220" s="2">
        <v>5635</v>
      </c>
      <c r="E220" s="13">
        <v>9332</v>
      </c>
    </row>
    <row r="221" spans="1:5" ht="29.25" hidden="1" outlineLevel="1">
      <c r="A221" s="1" t="s">
        <v>213</v>
      </c>
      <c r="B221" s="2">
        <v>1285</v>
      </c>
      <c r="C221" s="2">
        <v>1075</v>
      </c>
      <c r="D221" s="2">
        <v>860</v>
      </c>
      <c r="E221" s="13">
        <v>9331</v>
      </c>
    </row>
    <row r="222" spans="1:5" ht="12.75" hidden="1" outlineLevel="1">
      <c r="A222" s="1" t="s">
        <v>214</v>
      </c>
      <c r="B222" s="2">
        <v>9910</v>
      </c>
      <c r="C222" s="2">
        <v>8260</v>
      </c>
      <c r="D222" s="2">
        <v>6605</v>
      </c>
      <c r="E222" s="13">
        <v>1400</v>
      </c>
    </row>
    <row r="223" spans="1:5" ht="12.75" hidden="1" outlineLevel="1">
      <c r="A223" s="1" t="s">
        <v>215</v>
      </c>
      <c r="B223" s="2">
        <v>1160</v>
      </c>
      <c r="C223" s="2">
        <v>965</v>
      </c>
      <c r="D223" s="2">
        <v>770</v>
      </c>
      <c r="E223" s="13">
        <v>5394</v>
      </c>
    </row>
    <row r="224" spans="1:5" ht="12.75" hidden="1" outlineLevel="1">
      <c r="A224" s="1" t="s">
        <v>216</v>
      </c>
      <c r="B224" s="2">
        <v>10490</v>
      </c>
      <c r="C224" s="2">
        <v>8740</v>
      </c>
      <c r="D224" s="2">
        <v>6995</v>
      </c>
      <c r="E224" s="13">
        <v>5395</v>
      </c>
    </row>
    <row r="225" spans="1:5" ht="12.75" hidden="1" outlineLevel="1">
      <c r="A225" s="1" t="s">
        <v>217</v>
      </c>
      <c r="B225" s="2">
        <v>1160</v>
      </c>
      <c r="C225" s="2">
        <v>965</v>
      </c>
      <c r="D225" s="2">
        <v>770</v>
      </c>
      <c r="E225" s="13">
        <v>5396</v>
      </c>
    </row>
    <row r="226" spans="1:5" ht="12.75" hidden="1" outlineLevel="1">
      <c r="A226" s="1" t="s">
        <v>218</v>
      </c>
      <c r="B226" s="2">
        <v>10490</v>
      </c>
      <c r="C226" s="2">
        <v>8740</v>
      </c>
      <c r="D226" s="2">
        <v>6995</v>
      </c>
      <c r="E226" s="13">
        <v>1372</v>
      </c>
    </row>
    <row r="227" spans="1:5" ht="12.75" hidden="1" outlineLevel="1">
      <c r="A227" s="1" t="s">
        <v>219</v>
      </c>
      <c r="B227" s="2">
        <v>1160</v>
      </c>
      <c r="C227" s="2">
        <v>965</v>
      </c>
      <c r="D227" s="2">
        <v>770</v>
      </c>
      <c r="E227" s="13">
        <v>1376</v>
      </c>
    </row>
    <row r="228" spans="1:5" ht="12.75" hidden="1" outlineLevel="1">
      <c r="A228" s="1" t="s">
        <v>220</v>
      </c>
      <c r="B228" s="2">
        <v>10490</v>
      </c>
      <c r="C228" s="2">
        <v>8740</v>
      </c>
      <c r="D228" s="2">
        <v>6995</v>
      </c>
      <c r="E228" s="13">
        <v>87</v>
      </c>
    </row>
    <row r="229" spans="1:5" ht="12.75" hidden="1" outlineLevel="1">
      <c r="A229" s="1" t="s">
        <v>221</v>
      </c>
      <c r="B229" s="2">
        <v>1160</v>
      </c>
      <c r="C229" s="2">
        <v>965</v>
      </c>
      <c r="D229" s="2">
        <v>770</v>
      </c>
      <c r="E229" s="13">
        <v>1023</v>
      </c>
    </row>
    <row r="230" spans="1:5" ht="12.75" hidden="1" outlineLevel="1">
      <c r="A230" s="1" t="s">
        <v>222</v>
      </c>
      <c r="B230" s="2">
        <v>875</v>
      </c>
      <c r="C230" s="2">
        <v>730</v>
      </c>
      <c r="D230" s="2">
        <v>583</v>
      </c>
      <c r="E230" s="13">
        <v>9306</v>
      </c>
    </row>
    <row r="231" spans="1:5" ht="12.75" hidden="1" outlineLevel="1">
      <c r="A231" s="1" t="s">
        <v>223</v>
      </c>
      <c r="B231" s="2">
        <v>1735</v>
      </c>
      <c r="C231" s="2">
        <v>1450</v>
      </c>
      <c r="D231" s="2">
        <v>1160</v>
      </c>
      <c r="E231" s="13">
        <v>529</v>
      </c>
    </row>
    <row r="232" spans="1:5" ht="12.75" hidden="1" outlineLevel="1">
      <c r="A232" s="1" t="s">
        <v>224</v>
      </c>
      <c r="B232" s="2">
        <v>7080</v>
      </c>
      <c r="C232" s="2">
        <v>5900</v>
      </c>
      <c r="D232" s="2">
        <v>4720</v>
      </c>
      <c r="E232" s="13">
        <v>9314</v>
      </c>
    </row>
    <row r="233" spans="1:5" ht="12.75" hidden="1" outlineLevel="1">
      <c r="A233" s="1" t="s">
        <v>225</v>
      </c>
      <c r="B233" s="2">
        <v>875</v>
      </c>
      <c r="C233" s="2">
        <v>730</v>
      </c>
      <c r="D233" s="2">
        <v>583</v>
      </c>
      <c r="E233" s="13">
        <v>5393</v>
      </c>
    </row>
    <row r="234" spans="1:5" ht="12.75" hidden="1" outlineLevel="1">
      <c r="A234" s="1" t="s">
        <v>226</v>
      </c>
      <c r="B234" s="2">
        <v>7080</v>
      </c>
      <c r="C234" s="2">
        <v>5900</v>
      </c>
      <c r="D234" s="2">
        <v>4720</v>
      </c>
      <c r="E234" s="13">
        <v>9313</v>
      </c>
    </row>
    <row r="235" spans="1:5" ht="12.75" hidden="1" outlineLevel="1">
      <c r="A235" s="1" t="s">
        <v>227</v>
      </c>
      <c r="B235" s="2">
        <v>875</v>
      </c>
      <c r="C235" s="2">
        <v>730</v>
      </c>
      <c r="D235" s="2">
        <v>583</v>
      </c>
      <c r="E235" s="13">
        <v>5392</v>
      </c>
    </row>
    <row r="236" spans="1:5" ht="12.75" hidden="1" outlineLevel="1">
      <c r="A236" s="1" t="s">
        <v>228</v>
      </c>
      <c r="B236" s="2">
        <v>7080</v>
      </c>
      <c r="C236" s="2">
        <v>5900</v>
      </c>
      <c r="D236" s="2">
        <v>4720</v>
      </c>
      <c r="E236" s="13">
        <v>9312</v>
      </c>
    </row>
    <row r="237" spans="1:5" ht="12.75" hidden="1" outlineLevel="1">
      <c r="A237" s="1" t="s">
        <v>229</v>
      </c>
      <c r="B237" s="2">
        <v>875</v>
      </c>
      <c r="C237" s="2">
        <v>730</v>
      </c>
      <c r="D237" s="2">
        <v>583</v>
      </c>
      <c r="E237" s="13">
        <v>9305</v>
      </c>
    </row>
    <row r="238" spans="1:5" ht="12.75" hidden="1" outlineLevel="1">
      <c r="A238" s="1" t="s">
        <v>230</v>
      </c>
      <c r="B238" s="2">
        <v>1735</v>
      </c>
      <c r="C238" s="2">
        <v>1450</v>
      </c>
      <c r="D238" s="2">
        <v>1160</v>
      </c>
      <c r="E238" s="13">
        <v>6998</v>
      </c>
    </row>
    <row r="239" spans="1:5" ht="12.75" hidden="1" outlineLevel="1">
      <c r="A239" s="1" t="s">
        <v>231</v>
      </c>
      <c r="B239" s="2">
        <v>7080</v>
      </c>
      <c r="C239" s="2">
        <v>5900</v>
      </c>
      <c r="D239" s="2">
        <v>4720</v>
      </c>
      <c r="E239" s="13">
        <v>9311</v>
      </c>
    </row>
    <row r="240" spans="1:5" ht="12.75" hidden="1" outlineLevel="1">
      <c r="A240" s="1" t="s">
        <v>232</v>
      </c>
      <c r="B240" s="2">
        <v>875</v>
      </c>
      <c r="C240" s="2">
        <v>730</v>
      </c>
      <c r="D240" s="2">
        <v>583</v>
      </c>
      <c r="E240" s="13">
        <v>9307</v>
      </c>
    </row>
    <row r="241" spans="1:5" ht="12.75" hidden="1" outlineLevel="1">
      <c r="A241" s="1" t="s">
        <v>233</v>
      </c>
      <c r="B241" s="2">
        <v>7080</v>
      </c>
      <c r="C241" s="2">
        <v>5900</v>
      </c>
      <c r="D241" s="2">
        <v>4720</v>
      </c>
      <c r="E241" s="13">
        <v>9308</v>
      </c>
    </row>
    <row r="242" spans="1:5" ht="12.75" hidden="1" outlineLevel="1">
      <c r="A242" s="1" t="s">
        <v>234</v>
      </c>
      <c r="B242" s="2">
        <v>875</v>
      </c>
      <c r="C242" s="2">
        <v>730</v>
      </c>
      <c r="D242" s="2">
        <v>583</v>
      </c>
      <c r="E242" s="13">
        <v>9309</v>
      </c>
    </row>
    <row r="243" spans="1:5" ht="12.75" hidden="1" outlineLevel="1">
      <c r="A243" s="1" t="s">
        <v>235</v>
      </c>
      <c r="B243" s="2">
        <v>7080</v>
      </c>
      <c r="C243" s="2">
        <v>5900</v>
      </c>
      <c r="D243" s="2">
        <v>4720</v>
      </c>
      <c r="E243" s="13">
        <v>9310</v>
      </c>
    </row>
    <row r="244" spans="1:5" ht="12.75" hidden="1" outlineLevel="1">
      <c r="A244" s="1" t="s">
        <v>236</v>
      </c>
      <c r="B244" s="2">
        <v>965</v>
      </c>
      <c r="C244" s="2">
        <v>805</v>
      </c>
      <c r="D244" s="2">
        <v>644</v>
      </c>
      <c r="E244" s="13">
        <v>5166</v>
      </c>
    </row>
    <row r="245" spans="1:5" ht="12.75" hidden="1" outlineLevel="1">
      <c r="A245" s="1" t="s">
        <v>237</v>
      </c>
      <c r="B245" s="2">
        <v>644</v>
      </c>
      <c r="C245" s="2">
        <v>536</v>
      </c>
      <c r="D245" s="2">
        <v>429</v>
      </c>
      <c r="E245" s="13">
        <v>525</v>
      </c>
    </row>
    <row r="246" spans="1:5" ht="12.75" hidden="1" outlineLevel="1">
      <c r="A246" s="1" t="s">
        <v>238</v>
      </c>
      <c r="B246" s="2">
        <v>8345</v>
      </c>
      <c r="C246" s="2">
        <v>6955</v>
      </c>
      <c r="D246" s="2">
        <v>5565</v>
      </c>
      <c r="E246" s="13">
        <v>9633</v>
      </c>
    </row>
    <row r="247" spans="1:5" ht="12.75" hidden="1" outlineLevel="1">
      <c r="A247" s="1" t="s">
        <v>239</v>
      </c>
      <c r="B247" s="2">
        <v>8345</v>
      </c>
      <c r="C247" s="2">
        <v>6955</v>
      </c>
      <c r="D247" s="2">
        <v>5565</v>
      </c>
      <c r="E247" s="13">
        <v>9403</v>
      </c>
    </row>
    <row r="248" spans="1:5" ht="12.75" hidden="1" outlineLevel="1">
      <c r="A248" s="1" t="s">
        <v>240</v>
      </c>
      <c r="B248" s="2">
        <v>8345</v>
      </c>
      <c r="C248" s="2">
        <v>6955</v>
      </c>
      <c r="D248" s="2">
        <v>5565</v>
      </c>
      <c r="E248" s="13">
        <v>9400</v>
      </c>
    </row>
    <row r="249" spans="1:5" ht="12.75" hidden="1" outlineLevel="1">
      <c r="A249" s="1" t="s">
        <v>241</v>
      </c>
      <c r="B249" s="2">
        <v>8345</v>
      </c>
      <c r="C249" s="2">
        <v>6955</v>
      </c>
      <c r="D249" s="2">
        <v>5565</v>
      </c>
      <c r="E249" s="13">
        <v>9401</v>
      </c>
    </row>
    <row r="250" spans="1:5" ht="12.75" hidden="1" outlineLevel="1">
      <c r="A250" s="1" t="s">
        <v>242</v>
      </c>
      <c r="B250" s="2">
        <v>8345</v>
      </c>
      <c r="C250" s="2">
        <v>6955</v>
      </c>
      <c r="D250" s="2">
        <v>5565</v>
      </c>
      <c r="E250" s="13">
        <v>9634</v>
      </c>
    </row>
    <row r="251" spans="1:5" ht="12.75" hidden="1" outlineLevel="1">
      <c r="A251" s="1" t="s">
        <v>243</v>
      </c>
      <c r="B251" s="2">
        <v>8345</v>
      </c>
      <c r="C251" s="2">
        <v>6955</v>
      </c>
      <c r="D251" s="2">
        <v>5565</v>
      </c>
      <c r="E251" s="13">
        <v>9402</v>
      </c>
    </row>
    <row r="252" spans="1:5" ht="12.75" hidden="1" outlineLevel="1">
      <c r="A252" s="1" t="s">
        <v>244</v>
      </c>
      <c r="B252" s="2">
        <v>965</v>
      </c>
      <c r="C252" s="2">
        <v>805</v>
      </c>
      <c r="D252" s="2">
        <v>644</v>
      </c>
      <c r="E252" s="13">
        <v>5090</v>
      </c>
    </row>
    <row r="253" spans="1:5" ht="12.75" hidden="1" outlineLevel="1">
      <c r="A253" s="1" t="s">
        <v>245</v>
      </c>
      <c r="B253" s="2">
        <v>26380</v>
      </c>
      <c r="C253" s="2">
        <v>21990</v>
      </c>
      <c r="D253" s="2">
        <v>17590</v>
      </c>
      <c r="E253" s="13">
        <v>3488</v>
      </c>
    </row>
    <row r="254" spans="1:5" ht="12.75" hidden="1" outlineLevel="1">
      <c r="A254" s="1" t="s">
        <v>246</v>
      </c>
      <c r="B254" s="2">
        <v>3220</v>
      </c>
      <c r="C254" s="2">
        <v>2680</v>
      </c>
      <c r="D254" s="2">
        <v>2145</v>
      </c>
      <c r="E254" s="13">
        <v>3526</v>
      </c>
    </row>
    <row r="255" spans="1:5" ht="19.5" hidden="1" outlineLevel="1">
      <c r="A255" s="1" t="s">
        <v>247</v>
      </c>
      <c r="B255" s="2">
        <v>7080</v>
      </c>
      <c r="C255" s="2">
        <v>5900</v>
      </c>
      <c r="D255" s="2">
        <v>4720</v>
      </c>
      <c r="E255" s="13">
        <v>6718</v>
      </c>
    </row>
    <row r="256" spans="1:5" collapsed="1">
      <c r="A256" s="4" t="s">
        <v>248</v>
      </c>
      <c r="B256" s="12"/>
      <c r="C256" s="12"/>
      <c r="D256" s="12"/>
      <c r="E256" s="12"/>
    </row>
    <row r="257" spans="1:5" ht="12.75" hidden="1" outlineLevel="1">
      <c r="A257" s="1" t="s">
        <v>249</v>
      </c>
      <c r="B257" s="2">
        <v>1580</v>
      </c>
      <c r="C257" s="2">
        <v>1495</v>
      </c>
      <c r="D257" s="2">
        <v>1405</v>
      </c>
      <c r="E257" s="13">
        <v>5108</v>
      </c>
    </row>
    <row r="258" spans="1:5" collapsed="1">
      <c r="A258" s="4" t="s">
        <v>250</v>
      </c>
      <c r="B258" s="12"/>
      <c r="C258" s="12"/>
      <c r="D258" s="12"/>
      <c r="E258" s="12"/>
    </row>
    <row r="259" spans="1:5" ht="12.75" hidden="1" outlineLevel="1">
      <c r="A259" s="1" t="s">
        <v>251</v>
      </c>
      <c r="B259" s="2">
        <v>23170</v>
      </c>
      <c r="C259" s="2">
        <v>20850</v>
      </c>
      <c r="D259" s="2">
        <v>19310</v>
      </c>
      <c r="E259" s="13">
        <v>1079</v>
      </c>
    </row>
    <row r="260" spans="1:5" ht="19.5" hidden="1" outlineLevel="1">
      <c r="A260" s="1" t="s">
        <v>252</v>
      </c>
      <c r="B260" s="2">
        <v>8750</v>
      </c>
      <c r="C260" s="2">
        <v>7875</v>
      </c>
      <c r="D260" s="2">
        <v>7295</v>
      </c>
      <c r="E260" s="13">
        <v>7715</v>
      </c>
    </row>
    <row r="261" spans="1:5" ht="12.75" hidden="1" outlineLevel="1">
      <c r="A261" s="1" t="s">
        <v>253</v>
      </c>
      <c r="B261" s="2">
        <v>38610</v>
      </c>
      <c r="C261" s="2">
        <v>34750</v>
      </c>
      <c r="D261" s="2">
        <v>32180</v>
      </c>
      <c r="E261" s="13">
        <v>7436</v>
      </c>
    </row>
    <row r="262" spans="1:5" ht="12.75" hidden="1" outlineLevel="1">
      <c r="A262" s="1" t="s">
        <v>254</v>
      </c>
      <c r="B262" s="2">
        <v>40150</v>
      </c>
      <c r="C262" s="2">
        <v>36140</v>
      </c>
      <c r="D262" s="2">
        <v>33460</v>
      </c>
      <c r="E262" s="13">
        <v>8531</v>
      </c>
    </row>
    <row r="263" spans="1:5" ht="12.75" hidden="1" outlineLevel="1">
      <c r="A263" s="1" t="s">
        <v>255</v>
      </c>
      <c r="B263" s="2">
        <v>16470</v>
      </c>
      <c r="C263" s="2">
        <v>14830</v>
      </c>
      <c r="D263" s="2">
        <v>13730</v>
      </c>
      <c r="E263" s="13">
        <v>3098</v>
      </c>
    </row>
    <row r="264" spans="1:5" ht="12.75" hidden="1" outlineLevel="1">
      <c r="A264" s="1" t="s">
        <v>256</v>
      </c>
      <c r="B264" s="2">
        <v>12870</v>
      </c>
      <c r="C264" s="2">
        <v>11580</v>
      </c>
      <c r="D264" s="2">
        <v>10730</v>
      </c>
      <c r="E264" s="13">
        <v>6836</v>
      </c>
    </row>
    <row r="265" spans="1:5" collapsed="1">
      <c r="A265" s="4" t="s">
        <v>257</v>
      </c>
      <c r="B265" s="12"/>
      <c r="C265" s="12"/>
      <c r="D265" s="12"/>
      <c r="E265" s="12"/>
    </row>
    <row r="266" spans="1:5" ht="19.5" hidden="1" outlineLevel="1">
      <c r="A266" s="1" t="s">
        <v>258</v>
      </c>
      <c r="B266" s="2">
        <v>43500</v>
      </c>
      <c r="C266" s="2">
        <v>37480</v>
      </c>
      <c r="D266" s="2">
        <v>33460</v>
      </c>
      <c r="E266" s="13">
        <v>6340</v>
      </c>
    </row>
    <row r="267" spans="1:5" ht="19.5" hidden="1" outlineLevel="1">
      <c r="A267" s="1" t="s">
        <v>259</v>
      </c>
      <c r="B267" s="2">
        <v>55770</v>
      </c>
      <c r="C267" s="2">
        <v>48050</v>
      </c>
      <c r="D267" s="2">
        <v>42900</v>
      </c>
      <c r="E267" s="13">
        <v>8522</v>
      </c>
    </row>
    <row r="268" spans="1:5" ht="12.75" hidden="1" outlineLevel="1">
      <c r="A268" s="1" t="s">
        <v>260</v>
      </c>
      <c r="B268" s="2">
        <v>16730</v>
      </c>
      <c r="C268" s="2">
        <v>14410</v>
      </c>
      <c r="D268" s="2">
        <v>12870</v>
      </c>
      <c r="E268" s="13">
        <v>8639</v>
      </c>
    </row>
    <row r="269" spans="1:5" ht="12.75" hidden="1" outlineLevel="1">
      <c r="A269" s="1" t="s">
        <v>261</v>
      </c>
      <c r="B269" s="2">
        <v>6690</v>
      </c>
      <c r="C269" s="2">
        <v>5765</v>
      </c>
      <c r="D269" s="2">
        <v>5150</v>
      </c>
      <c r="E269" s="13">
        <v>9001</v>
      </c>
    </row>
    <row r="270" spans="1:5" ht="12.75" hidden="1" outlineLevel="1">
      <c r="A270" s="1" t="s">
        <v>262</v>
      </c>
      <c r="B270" s="2">
        <v>2065</v>
      </c>
      <c r="C270" s="2">
        <v>1780</v>
      </c>
      <c r="D270" s="2">
        <v>1585</v>
      </c>
      <c r="E270" s="13">
        <v>9612</v>
      </c>
    </row>
    <row r="271" spans="1:5" ht="12.75" hidden="1" outlineLevel="1">
      <c r="A271" s="1" t="s">
        <v>263</v>
      </c>
      <c r="B271" s="2">
        <v>6690</v>
      </c>
      <c r="C271" s="2">
        <v>5765</v>
      </c>
      <c r="D271" s="2">
        <v>5150</v>
      </c>
      <c r="E271" s="13">
        <v>6876</v>
      </c>
    </row>
    <row r="272" spans="1:5" ht="12.75" hidden="1" outlineLevel="1">
      <c r="A272" s="1" t="s">
        <v>264</v>
      </c>
      <c r="B272" s="2">
        <v>4460</v>
      </c>
      <c r="C272" s="2">
        <v>3845</v>
      </c>
      <c r="D272" s="2">
        <v>3430</v>
      </c>
      <c r="E272" s="13">
        <v>6445</v>
      </c>
    </row>
    <row r="273" spans="1:5" ht="19.5" hidden="1" outlineLevel="1">
      <c r="A273" s="1" t="s">
        <v>265</v>
      </c>
      <c r="B273" s="2">
        <v>3625</v>
      </c>
      <c r="C273" s="2">
        <v>3125</v>
      </c>
      <c r="D273" s="2">
        <v>2790</v>
      </c>
      <c r="E273" s="13">
        <v>6364</v>
      </c>
    </row>
    <row r="274" spans="1:5" ht="12.75" hidden="1" outlineLevel="1">
      <c r="A274" s="1" t="s">
        <v>266</v>
      </c>
      <c r="B274" s="2">
        <v>9480</v>
      </c>
      <c r="C274" s="2">
        <v>8170</v>
      </c>
      <c r="D274" s="2">
        <v>7295</v>
      </c>
      <c r="E274" s="13">
        <v>4299</v>
      </c>
    </row>
    <row r="275" spans="1:5" ht="12.75" hidden="1" outlineLevel="1">
      <c r="A275" s="1" t="s">
        <v>267</v>
      </c>
      <c r="B275" s="2">
        <v>11150</v>
      </c>
      <c r="C275" s="2">
        <v>9610</v>
      </c>
      <c r="D275" s="2">
        <v>8580</v>
      </c>
      <c r="E275" s="13">
        <v>4766</v>
      </c>
    </row>
    <row r="276" spans="1:5" ht="12.75" hidden="1" outlineLevel="1">
      <c r="A276" s="1" t="s">
        <v>268</v>
      </c>
      <c r="B276" s="2">
        <v>12270</v>
      </c>
      <c r="C276" s="2">
        <v>10570</v>
      </c>
      <c r="D276" s="2">
        <v>9440</v>
      </c>
      <c r="E276" s="13">
        <v>3478</v>
      </c>
    </row>
    <row r="277" spans="1:5" ht="12.75" hidden="1" outlineLevel="1">
      <c r="A277" s="1" t="s">
        <v>269</v>
      </c>
      <c r="B277" s="2">
        <v>5575</v>
      </c>
      <c r="C277" s="2">
        <v>4805</v>
      </c>
      <c r="D277" s="2">
        <v>4290</v>
      </c>
      <c r="E277" s="13">
        <v>5118</v>
      </c>
    </row>
    <row r="278" spans="1:5" ht="29.25" hidden="1" outlineLevel="1">
      <c r="A278" s="1" t="s">
        <v>270</v>
      </c>
      <c r="B278" s="2">
        <v>2230</v>
      </c>
      <c r="C278" s="2">
        <v>1920</v>
      </c>
      <c r="D278" s="2">
        <v>1715</v>
      </c>
      <c r="E278" s="13">
        <v>4843</v>
      </c>
    </row>
    <row r="279" spans="1:5" ht="12.75" hidden="1" outlineLevel="1">
      <c r="A279" s="1" t="s">
        <v>271</v>
      </c>
      <c r="B279" s="2">
        <v>2790</v>
      </c>
      <c r="C279" s="2">
        <v>2400</v>
      </c>
      <c r="D279" s="2">
        <v>2145</v>
      </c>
      <c r="E279" s="13">
        <v>5544</v>
      </c>
    </row>
    <row r="280" spans="1:5" ht="12.75" hidden="1" outlineLevel="1">
      <c r="A280" s="1" t="s">
        <v>272</v>
      </c>
      <c r="B280" s="2">
        <v>3065</v>
      </c>
      <c r="C280" s="2">
        <v>2645</v>
      </c>
      <c r="D280" s="2">
        <v>2360</v>
      </c>
      <c r="E280" s="13">
        <v>5545</v>
      </c>
    </row>
    <row r="281" spans="1:5" ht="12.75" hidden="1" outlineLevel="1">
      <c r="A281" s="1" t="s">
        <v>273</v>
      </c>
      <c r="B281" s="2">
        <v>2510</v>
      </c>
      <c r="C281" s="2">
        <v>2160</v>
      </c>
      <c r="D281" s="2">
        <v>1930</v>
      </c>
      <c r="E281" s="13">
        <v>5535</v>
      </c>
    </row>
    <row r="282" spans="1:5" ht="19.5" hidden="1" outlineLevel="1">
      <c r="A282" s="1" t="s">
        <v>274</v>
      </c>
      <c r="B282" s="2">
        <v>2675</v>
      </c>
      <c r="C282" s="2">
        <v>2305</v>
      </c>
      <c r="D282" s="2">
        <v>2060</v>
      </c>
      <c r="E282" s="13">
        <v>5123</v>
      </c>
    </row>
    <row r="283" spans="1:5" ht="12.75" hidden="1" outlineLevel="1">
      <c r="A283" s="1" t="s">
        <v>275</v>
      </c>
      <c r="B283" s="2">
        <v>2675</v>
      </c>
      <c r="C283" s="2">
        <v>2305</v>
      </c>
      <c r="D283" s="2">
        <v>2060</v>
      </c>
      <c r="E283" s="13">
        <v>5539</v>
      </c>
    </row>
    <row r="284" spans="1:5" ht="12.75" hidden="1" outlineLevel="1">
      <c r="A284" s="1" t="s">
        <v>276</v>
      </c>
      <c r="B284" s="2">
        <v>2230</v>
      </c>
      <c r="C284" s="2">
        <v>1920</v>
      </c>
      <c r="D284" s="2">
        <v>1715</v>
      </c>
      <c r="E284" s="13">
        <v>5546</v>
      </c>
    </row>
    <row r="285" spans="1:5" ht="12.75" hidden="1" outlineLevel="1">
      <c r="A285" s="1" t="s">
        <v>277</v>
      </c>
      <c r="B285" s="2">
        <v>3905</v>
      </c>
      <c r="C285" s="2">
        <v>3365</v>
      </c>
      <c r="D285" s="2">
        <v>3005</v>
      </c>
      <c r="E285" s="13">
        <v>6482</v>
      </c>
    </row>
    <row r="286" spans="1:5" ht="12.75" hidden="1" outlineLevel="1">
      <c r="A286" s="1" t="s">
        <v>278</v>
      </c>
      <c r="B286" s="2">
        <v>2790</v>
      </c>
      <c r="C286" s="2">
        <v>2400</v>
      </c>
      <c r="D286" s="2">
        <v>2145</v>
      </c>
      <c r="E286" s="13">
        <v>7180</v>
      </c>
    </row>
    <row r="287" spans="1:5" ht="12.75" hidden="1" outlineLevel="1">
      <c r="A287" s="1" t="s">
        <v>279</v>
      </c>
      <c r="B287" s="2">
        <v>1950</v>
      </c>
      <c r="C287" s="2">
        <v>1680</v>
      </c>
      <c r="D287" s="2">
        <v>1500</v>
      </c>
      <c r="E287" s="13">
        <v>3218</v>
      </c>
    </row>
    <row r="288" spans="1:5" ht="12.75" hidden="1" outlineLevel="1">
      <c r="A288" s="1" t="s">
        <v>280</v>
      </c>
      <c r="B288" s="2">
        <v>1950</v>
      </c>
      <c r="C288" s="2">
        <v>1680</v>
      </c>
      <c r="D288" s="2">
        <v>1500</v>
      </c>
      <c r="E288" s="13">
        <v>4901</v>
      </c>
    </row>
    <row r="289" spans="1:5" ht="12.75" hidden="1" outlineLevel="1">
      <c r="A289" s="1" t="s">
        <v>281</v>
      </c>
      <c r="B289" s="2">
        <v>6135</v>
      </c>
      <c r="C289" s="2">
        <v>5285</v>
      </c>
      <c r="D289" s="2">
        <v>4720</v>
      </c>
      <c r="E289" s="13">
        <v>5115</v>
      </c>
    </row>
    <row r="290" spans="1:5" ht="12.75" hidden="1" outlineLevel="1">
      <c r="A290" s="1" t="s">
        <v>282</v>
      </c>
      <c r="B290" s="2">
        <v>6690</v>
      </c>
      <c r="C290" s="2">
        <v>5765</v>
      </c>
      <c r="D290" s="2">
        <v>5150</v>
      </c>
      <c r="E290" s="13">
        <v>5119</v>
      </c>
    </row>
    <row r="291" spans="1:5" ht="12.75" hidden="1" outlineLevel="1">
      <c r="A291" s="1" t="s">
        <v>283</v>
      </c>
      <c r="B291" s="2">
        <v>2790</v>
      </c>
      <c r="C291" s="2">
        <v>2400</v>
      </c>
      <c r="D291" s="2">
        <v>2145</v>
      </c>
      <c r="E291" s="13">
        <v>62</v>
      </c>
    </row>
    <row r="292" spans="1:5" ht="12.75" hidden="1" outlineLevel="1">
      <c r="A292" s="1" t="s">
        <v>284</v>
      </c>
      <c r="B292" s="2">
        <v>2790</v>
      </c>
      <c r="C292" s="2">
        <v>2400</v>
      </c>
      <c r="D292" s="2">
        <v>2145</v>
      </c>
      <c r="E292" s="13">
        <v>7603</v>
      </c>
    </row>
    <row r="293" spans="1:5" ht="12.75" hidden="1" outlineLevel="1">
      <c r="A293" s="1" t="s">
        <v>285</v>
      </c>
      <c r="B293" s="2">
        <v>3905</v>
      </c>
      <c r="C293" s="2">
        <v>3365</v>
      </c>
      <c r="D293" s="2">
        <v>3005</v>
      </c>
      <c r="E293" s="13">
        <v>5144</v>
      </c>
    </row>
    <row r="294" spans="1:5" ht="12.75" hidden="1" outlineLevel="1">
      <c r="A294" s="1" t="s">
        <v>286</v>
      </c>
      <c r="B294" s="2">
        <v>11710</v>
      </c>
      <c r="C294" s="2">
        <v>10090</v>
      </c>
      <c r="D294" s="2">
        <v>9010</v>
      </c>
      <c r="E294" s="13">
        <v>3572</v>
      </c>
    </row>
    <row r="295" spans="1:5" ht="12.75" hidden="1" outlineLevel="1">
      <c r="A295" s="1" t="s">
        <v>287</v>
      </c>
      <c r="B295" s="2">
        <v>13940</v>
      </c>
      <c r="C295" s="2">
        <v>12010</v>
      </c>
      <c r="D295" s="2">
        <v>10730</v>
      </c>
      <c r="E295" s="13">
        <v>5538</v>
      </c>
    </row>
    <row r="296" spans="1:5" ht="12.75" hidden="1" outlineLevel="1">
      <c r="A296" s="1" t="s">
        <v>288</v>
      </c>
      <c r="B296" s="2">
        <v>2510</v>
      </c>
      <c r="C296" s="2">
        <v>2160</v>
      </c>
      <c r="D296" s="2">
        <v>1930</v>
      </c>
      <c r="E296" s="13">
        <v>3563</v>
      </c>
    </row>
    <row r="297" spans="1:5" ht="12.75" hidden="1" outlineLevel="1">
      <c r="A297" s="1" t="s">
        <v>289</v>
      </c>
      <c r="B297" s="2">
        <v>2230</v>
      </c>
      <c r="C297" s="2">
        <v>1920</v>
      </c>
      <c r="D297" s="2">
        <v>1715</v>
      </c>
      <c r="E297" s="13">
        <v>198</v>
      </c>
    </row>
    <row r="298" spans="1:5" ht="12.75" hidden="1" outlineLevel="1">
      <c r="A298" s="1" t="s">
        <v>290</v>
      </c>
      <c r="B298" s="2">
        <v>13940</v>
      </c>
      <c r="C298" s="2">
        <v>12010</v>
      </c>
      <c r="D298" s="2">
        <v>10730</v>
      </c>
      <c r="E298" s="13">
        <v>45</v>
      </c>
    </row>
    <row r="299" spans="1:5" ht="12.75" hidden="1" outlineLevel="1">
      <c r="A299" s="1" t="s">
        <v>291</v>
      </c>
      <c r="B299" s="2">
        <v>5575</v>
      </c>
      <c r="C299" s="2">
        <v>4805</v>
      </c>
      <c r="D299" s="2">
        <v>4290</v>
      </c>
      <c r="E299" s="13">
        <v>1755</v>
      </c>
    </row>
    <row r="300" spans="1:5" ht="12.75" hidden="1" outlineLevel="1">
      <c r="A300" s="1" t="s">
        <v>292</v>
      </c>
      <c r="B300" s="2">
        <v>15620</v>
      </c>
      <c r="C300" s="2">
        <v>13450</v>
      </c>
      <c r="D300" s="2">
        <v>12010</v>
      </c>
      <c r="E300" s="13">
        <v>5599</v>
      </c>
    </row>
    <row r="301" spans="1:5" ht="12.75" hidden="1" outlineLevel="1">
      <c r="A301" s="1" t="s">
        <v>293</v>
      </c>
      <c r="B301" s="2">
        <v>9480</v>
      </c>
      <c r="C301" s="2">
        <v>8170</v>
      </c>
      <c r="D301" s="2">
        <v>7295</v>
      </c>
      <c r="E301" s="13">
        <v>7558</v>
      </c>
    </row>
    <row r="302" spans="1:5" ht="12.75" hidden="1" outlineLevel="1">
      <c r="A302" s="1" t="s">
        <v>294</v>
      </c>
      <c r="B302" s="2">
        <v>3905</v>
      </c>
      <c r="C302" s="2">
        <v>3365</v>
      </c>
      <c r="D302" s="2">
        <v>3005</v>
      </c>
      <c r="E302" s="13">
        <v>6925</v>
      </c>
    </row>
    <row r="303" spans="1:5" ht="12.75" hidden="1" outlineLevel="1">
      <c r="A303" s="1" t="s">
        <v>295</v>
      </c>
      <c r="B303" s="2">
        <v>19520</v>
      </c>
      <c r="C303" s="2">
        <v>16820</v>
      </c>
      <c r="D303" s="2">
        <v>15020</v>
      </c>
      <c r="E303" s="13">
        <v>5424</v>
      </c>
    </row>
    <row r="304" spans="1:5" ht="19.5" hidden="1" outlineLevel="1">
      <c r="A304" s="1" t="s">
        <v>296</v>
      </c>
      <c r="B304" s="2">
        <v>2565</v>
      </c>
      <c r="C304" s="2">
        <v>2210</v>
      </c>
      <c r="D304" s="2">
        <v>1975</v>
      </c>
      <c r="E304" s="13">
        <v>7829</v>
      </c>
    </row>
    <row r="305" spans="1:5" ht="19.5" hidden="1" outlineLevel="1">
      <c r="A305" s="1" t="s">
        <v>297</v>
      </c>
      <c r="B305" s="2">
        <v>2565</v>
      </c>
      <c r="C305" s="2">
        <v>2210</v>
      </c>
      <c r="D305" s="2">
        <v>1975</v>
      </c>
      <c r="E305" s="13">
        <v>8740</v>
      </c>
    </row>
    <row r="306" spans="1:5" ht="19.5" hidden="1" outlineLevel="1">
      <c r="A306" s="1" t="s">
        <v>298</v>
      </c>
      <c r="B306" s="2">
        <v>9200</v>
      </c>
      <c r="C306" s="2">
        <v>7930</v>
      </c>
      <c r="D306" s="2">
        <v>7080</v>
      </c>
      <c r="E306" s="13">
        <v>3216</v>
      </c>
    </row>
    <row r="307" spans="1:5" ht="19.5" hidden="1" outlineLevel="1">
      <c r="A307" s="1" t="s">
        <v>299</v>
      </c>
      <c r="B307" s="2">
        <v>4630</v>
      </c>
      <c r="C307" s="2">
        <v>3990</v>
      </c>
      <c r="D307" s="2">
        <v>3560</v>
      </c>
      <c r="E307" s="13">
        <v>1774</v>
      </c>
    </row>
    <row r="308" spans="1:5" ht="19.5" hidden="1" outlineLevel="1">
      <c r="A308" s="1" t="s">
        <v>300</v>
      </c>
      <c r="B308" s="2">
        <v>4630</v>
      </c>
      <c r="C308" s="2">
        <v>3990</v>
      </c>
      <c r="D308" s="2">
        <v>3560</v>
      </c>
      <c r="E308" s="13">
        <v>6204</v>
      </c>
    </row>
    <row r="309" spans="1:5" ht="12.75" hidden="1" outlineLevel="1">
      <c r="A309" s="1" t="s">
        <v>301</v>
      </c>
      <c r="B309" s="2">
        <v>8365</v>
      </c>
      <c r="C309" s="2">
        <v>7205</v>
      </c>
      <c r="D309" s="2">
        <v>6435</v>
      </c>
      <c r="E309" s="13">
        <v>10258</v>
      </c>
    </row>
    <row r="310" spans="1:5" ht="29.25" hidden="1" outlineLevel="1">
      <c r="A310" s="1" t="s">
        <v>302</v>
      </c>
      <c r="B310" s="2">
        <v>3345</v>
      </c>
      <c r="C310" s="2">
        <v>2885</v>
      </c>
      <c r="D310" s="2">
        <v>2575</v>
      </c>
      <c r="E310" s="13">
        <v>5224</v>
      </c>
    </row>
    <row r="311" spans="1:5" ht="12.75" hidden="1" outlineLevel="1">
      <c r="A311" s="1" t="s">
        <v>303</v>
      </c>
      <c r="B311" s="2">
        <v>62740</v>
      </c>
      <c r="C311" s="2">
        <v>54050</v>
      </c>
      <c r="D311" s="2">
        <v>48260</v>
      </c>
      <c r="E311" s="13">
        <v>5548</v>
      </c>
    </row>
    <row r="312" spans="1:5" ht="12.75" hidden="1" outlineLevel="1">
      <c r="A312" s="1" t="s">
        <v>304</v>
      </c>
      <c r="B312" s="2">
        <v>3905</v>
      </c>
      <c r="C312" s="2">
        <v>3365</v>
      </c>
      <c r="D312" s="2">
        <v>3005</v>
      </c>
      <c r="E312" s="13">
        <v>8392</v>
      </c>
    </row>
    <row r="313" spans="1:5" ht="12.75" hidden="1" outlineLevel="1">
      <c r="A313" s="1" t="s">
        <v>305</v>
      </c>
      <c r="B313" s="2">
        <v>3905</v>
      </c>
      <c r="C313" s="2">
        <v>3365</v>
      </c>
      <c r="D313" s="2">
        <v>3005</v>
      </c>
      <c r="E313" s="13">
        <v>8393</v>
      </c>
    </row>
    <row r="314" spans="1:5" ht="12.75" hidden="1" outlineLevel="1">
      <c r="A314" s="1" t="s">
        <v>306</v>
      </c>
      <c r="B314" s="2">
        <v>3905</v>
      </c>
      <c r="C314" s="2">
        <v>3365</v>
      </c>
      <c r="D314" s="2">
        <v>3005</v>
      </c>
      <c r="E314" s="13">
        <v>8394</v>
      </c>
    </row>
    <row r="315" spans="1:5" ht="12.75" hidden="1" outlineLevel="1">
      <c r="A315" s="1" t="s">
        <v>307</v>
      </c>
      <c r="B315" s="2">
        <v>8365</v>
      </c>
      <c r="C315" s="2">
        <v>7205</v>
      </c>
      <c r="D315" s="2">
        <v>6435</v>
      </c>
      <c r="E315" s="13">
        <v>7494</v>
      </c>
    </row>
    <row r="316" spans="1:5" ht="12.75" hidden="1" outlineLevel="1">
      <c r="A316" s="1" t="s">
        <v>308</v>
      </c>
      <c r="B316" s="2">
        <v>8365</v>
      </c>
      <c r="C316" s="2">
        <v>7205</v>
      </c>
      <c r="D316" s="2">
        <v>6435</v>
      </c>
      <c r="E316" s="13">
        <v>4876</v>
      </c>
    </row>
    <row r="317" spans="1:5" ht="12.75" hidden="1" outlineLevel="1">
      <c r="A317" s="1" t="s">
        <v>309</v>
      </c>
      <c r="B317" s="2">
        <v>8365</v>
      </c>
      <c r="C317" s="2">
        <v>7205</v>
      </c>
      <c r="D317" s="2">
        <v>6435</v>
      </c>
      <c r="E317" s="13">
        <v>4930</v>
      </c>
    </row>
    <row r="318" spans="1:5" ht="12.75" hidden="1" outlineLevel="1">
      <c r="A318" s="1" t="s">
        <v>310</v>
      </c>
      <c r="B318" s="2">
        <v>6690</v>
      </c>
      <c r="C318" s="2">
        <v>5765</v>
      </c>
      <c r="D318" s="2">
        <v>5150</v>
      </c>
      <c r="E318" s="13">
        <v>7540</v>
      </c>
    </row>
    <row r="319" spans="1:5" ht="12.75" hidden="1" outlineLevel="1">
      <c r="A319" s="1" t="s">
        <v>311</v>
      </c>
      <c r="B319" s="2">
        <v>39040</v>
      </c>
      <c r="C319" s="2">
        <v>33630</v>
      </c>
      <c r="D319" s="2">
        <v>30030</v>
      </c>
      <c r="E319" s="13">
        <v>6738</v>
      </c>
    </row>
    <row r="320" spans="1:5" ht="12.75" hidden="1" outlineLevel="1">
      <c r="A320" s="1" t="s">
        <v>312</v>
      </c>
      <c r="B320" s="2">
        <v>27890</v>
      </c>
      <c r="C320" s="2">
        <v>24020</v>
      </c>
      <c r="D320" s="2">
        <v>21450</v>
      </c>
      <c r="E320" s="13">
        <v>8584</v>
      </c>
    </row>
    <row r="321" spans="1:5" ht="12.75" hidden="1" outlineLevel="1">
      <c r="A321" s="1" t="s">
        <v>313</v>
      </c>
      <c r="B321" s="2">
        <v>27890</v>
      </c>
      <c r="C321" s="2">
        <v>24020</v>
      </c>
      <c r="D321" s="2">
        <v>21450</v>
      </c>
      <c r="E321" s="13">
        <v>8585</v>
      </c>
    </row>
    <row r="322" spans="1:5" ht="12.75" hidden="1" outlineLevel="1">
      <c r="A322" s="1" t="s">
        <v>314</v>
      </c>
      <c r="B322" s="2">
        <v>27890</v>
      </c>
      <c r="C322" s="2">
        <v>24020</v>
      </c>
      <c r="D322" s="2">
        <v>21450</v>
      </c>
      <c r="E322" s="13">
        <v>8586</v>
      </c>
    </row>
    <row r="323" spans="1:5" ht="12.75" hidden="1" outlineLevel="1">
      <c r="A323" s="1" t="s">
        <v>315</v>
      </c>
      <c r="B323" s="2">
        <v>2790</v>
      </c>
      <c r="C323" s="2">
        <v>2400</v>
      </c>
      <c r="D323" s="2">
        <v>2145</v>
      </c>
      <c r="E323" s="13">
        <v>5870</v>
      </c>
    </row>
    <row r="324" spans="1:5" ht="12.75" hidden="1" outlineLevel="1">
      <c r="A324" s="1" t="s">
        <v>316</v>
      </c>
      <c r="B324" s="2">
        <v>2790</v>
      </c>
      <c r="C324" s="2">
        <v>2400</v>
      </c>
      <c r="D324" s="2">
        <v>2145</v>
      </c>
      <c r="E324" s="13">
        <v>5871</v>
      </c>
    </row>
    <row r="325" spans="1:5" ht="12.75" hidden="1" outlineLevel="1">
      <c r="A325" s="1" t="s">
        <v>317</v>
      </c>
      <c r="B325" s="2">
        <v>2790</v>
      </c>
      <c r="C325" s="2">
        <v>2400</v>
      </c>
      <c r="D325" s="2">
        <v>2145</v>
      </c>
      <c r="E325" s="13">
        <v>3112</v>
      </c>
    </row>
    <row r="326" spans="1:5" ht="12.75" hidden="1" outlineLevel="1">
      <c r="A326" s="1" t="s">
        <v>318</v>
      </c>
      <c r="B326" s="2">
        <v>2790</v>
      </c>
      <c r="C326" s="2">
        <v>2400</v>
      </c>
      <c r="D326" s="2">
        <v>2145</v>
      </c>
      <c r="E326" s="13">
        <v>5872</v>
      </c>
    </row>
    <row r="327" spans="1:5" ht="12.75" hidden="1" outlineLevel="1">
      <c r="A327" s="1" t="s">
        <v>319</v>
      </c>
      <c r="B327" s="2">
        <v>2790</v>
      </c>
      <c r="C327" s="2">
        <v>2400</v>
      </c>
      <c r="D327" s="2">
        <v>2145</v>
      </c>
      <c r="E327" s="13">
        <v>5873</v>
      </c>
    </row>
    <row r="328" spans="1:5" ht="12.75" hidden="1" outlineLevel="1">
      <c r="A328" s="1" t="s">
        <v>320</v>
      </c>
      <c r="B328" s="2">
        <v>2790</v>
      </c>
      <c r="C328" s="2">
        <v>2400</v>
      </c>
      <c r="D328" s="2">
        <v>2145</v>
      </c>
      <c r="E328" s="13">
        <v>3724</v>
      </c>
    </row>
    <row r="329" spans="1:5" ht="12.75" hidden="1" outlineLevel="1">
      <c r="A329" s="1" t="s">
        <v>321</v>
      </c>
      <c r="B329" s="2">
        <v>2790</v>
      </c>
      <c r="C329" s="2">
        <v>2400</v>
      </c>
      <c r="D329" s="2">
        <v>2145</v>
      </c>
      <c r="E329" s="13">
        <v>3725</v>
      </c>
    </row>
    <row r="330" spans="1:5" ht="12.75" hidden="1" outlineLevel="1">
      <c r="A330" s="1" t="s">
        <v>322</v>
      </c>
      <c r="B330" s="2">
        <v>2790</v>
      </c>
      <c r="C330" s="2">
        <v>2400</v>
      </c>
      <c r="D330" s="2">
        <v>2145</v>
      </c>
      <c r="E330" s="13">
        <v>3723</v>
      </c>
    </row>
    <row r="331" spans="1:5" ht="12.75" hidden="1" outlineLevel="1">
      <c r="A331" s="1" t="s">
        <v>323</v>
      </c>
      <c r="B331" s="2">
        <v>33460</v>
      </c>
      <c r="C331" s="2">
        <v>28830</v>
      </c>
      <c r="D331" s="2">
        <v>25740</v>
      </c>
      <c r="E331" s="13">
        <v>4374</v>
      </c>
    </row>
    <row r="332" spans="1:5" ht="12.75" hidden="1" outlineLevel="1">
      <c r="A332" s="1" t="s">
        <v>324</v>
      </c>
      <c r="B332" s="2">
        <v>33460</v>
      </c>
      <c r="C332" s="2">
        <v>28830</v>
      </c>
      <c r="D332" s="2">
        <v>25740</v>
      </c>
      <c r="E332" s="13">
        <v>8997</v>
      </c>
    </row>
    <row r="333" spans="1:5" ht="12.75" hidden="1" outlineLevel="1">
      <c r="A333" s="1" t="s">
        <v>325</v>
      </c>
      <c r="B333" s="2">
        <v>33460</v>
      </c>
      <c r="C333" s="2">
        <v>28830</v>
      </c>
      <c r="D333" s="2">
        <v>25740</v>
      </c>
      <c r="E333" s="13">
        <v>8998</v>
      </c>
    </row>
    <row r="334" spans="1:5" ht="12.75" hidden="1" outlineLevel="1">
      <c r="A334" s="1" t="s">
        <v>326</v>
      </c>
      <c r="B334" s="2">
        <v>13940</v>
      </c>
      <c r="C334" s="2">
        <v>12010</v>
      </c>
      <c r="D334" s="2">
        <v>10730</v>
      </c>
      <c r="E334" s="13">
        <v>8814</v>
      </c>
    </row>
    <row r="335" spans="1:5" ht="12.75" hidden="1" outlineLevel="1">
      <c r="A335" s="1" t="s">
        <v>327</v>
      </c>
      <c r="B335" s="2">
        <v>13940</v>
      </c>
      <c r="C335" s="2">
        <v>12010</v>
      </c>
      <c r="D335" s="2">
        <v>10730</v>
      </c>
      <c r="E335" s="13">
        <v>4376</v>
      </c>
    </row>
    <row r="336" spans="1:5" ht="12.75" hidden="1" outlineLevel="1">
      <c r="A336" s="1" t="s">
        <v>328</v>
      </c>
      <c r="B336" s="2">
        <v>13940</v>
      </c>
      <c r="C336" s="2">
        <v>12010</v>
      </c>
      <c r="D336" s="2">
        <v>10730</v>
      </c>
      <c r="E336" s="13">
        <v>4377</v>
      </c>
    </row>
    <row r="337" spans="1:5" ht="12.75" hidden="1" outlineLevel="1">
      <c r="A337" s="1" t="s">
        <v>329</v>
      </c>
      <c r="B337" s="2">
        <v>50190</v>
      </c>
      <c r="C337" s="2">
        <v>43240</v>
      </c>
      <c r="D337" s="2">
        <v>38610</v>
      </c>
      <c r="E337" s="13">
        <v>6918</v>
      </c>
    </row>
    <row r="338" spans="1:5" ht="12.75" hidden="1" outlineLevel="1">
      <c r="A338" s="1" t="s">
        <v>330</v>
      </c>
      <c r="B338" s="2">
        <v>89230</v>
      </c>
      <c r="C338" s="2">
        <v>76880</v>
      </c>
      <c r="D338" s="2">
        <v>68640</v>
      </c>
      <c r="E338" s="13">
        <v>4839</v>
      </c>
    </row>
    <row r="339" spans="1:5" ht="12.75" hidden="1" outlineLevel="1">
      <c r="A339" s="1" t="s">
        <v>331</v>
      </c>
      <c r="B339" s="2">
        <v>13380</v>
      </c>
      <c r="C339" s="2">
        <v>11530</v>
      </c>
      <c r="D339" s="2">
        <v>10300</v>
      </c>
      <c r="E339" s="13">
        <v>6325</v>
      </c>
    </row>
    <row r="340" spans="1:5" ht="12.75" hidden="1" outlineLevel="1">
      <c r="A340" s="1" t="s">
        <v>332</v>
      </c>
      <c r="B340" s="2">
        <v>13380</v>
      </c>
      <c r="C340" s="2">
        <v>11530</v>
      </c>
      <c r="D340" s="2">
        <v>10300</v>
      </c>
      <c r="E340" s="13">
        <v>9709</v>
      </c>
    </row>
    <row r="341" spans="1:5" ht="12.75" hidden="1" outlineLevel="1">
      <c r="A341" s="1" t="s">
        <v>333</v>
      </c>
      <c r="B341" s="2">
        <v>13380</v>
      </c>
      <c r="C341" s="2">
        <v>11530</v>
      </c>
      <c r="D341" s="2">
        <v>10300</v>
      </c>
      <c r="E341" s="13">
        <v>9710</v>
      </c>
    </row>
    <row r="342" spans="1:5" ht="12.75" hidden="1" outlineLevel="1">
      <c r="A342" s="1" t="s">
        <v>334</v>
      </c>
      <c r="B342" s="2">
        <v>5855</v>
      </c>
      <c r="C342" s="2">
        <v>5045</v>
      </c>
      <c r="D342" s="2">
        <v>4505</v>
      </c>
      <c r="E342" s="13">
        <v>9003</v>
      </c>
    </row>
    <row r="343" spans="1:5" ht="12.75" hidden="1" outlineLevel="1">
      <c r="A343" s="1" t="s">
        <v>335</v>
      </c>
      <c r="B343" s="2">
        <v>5855</v>
      </c>
      <c r="C343" s="2">
        <v>5045</v>
      </c>
      <c r="D343" s="2">
        <v>4505</v>
      </c>
      <c r="E343" s="13">
        <v>9231</v>
      </c>
    </row>
    <row r="344" spans="1:5" ht="12.75" hidden="1" outlineLevel="1">
      <c r="A344" s="1" t="s">
        <v>336</v>
      </c>
      <c r="B344" s="2">
        <v>5855</v>
      </c>
      <c r="C344" s="2">
        <v>5045</v>
      </c>
      <c r="D344" s="2">
        <v>4505</v>
      </c>
      <c r="E344" s="13">
        <v>1492</v>
      </c>
    </row>
    <row r="345" spans="1:5" ht="19.5" hidden="1" outlineLevel="1">
      <c r="A345" s="1" t="s">
        <v>337</v>
      </c>
      <c r="B345" s="2">
        <v>22310</v>
      </c>
      <c r="C345" s="2">
        <v>19220</v>
      </c>
      <c r="D345" s="2">
        <v>17160</v>
      </c>
      <c r="E345" s="13">
        <v>4711</v>
      </c>
    </row>
    <row r="346" spans="1:5" ht="12.75" hidden="1" outlineLevel="1">
      <c r="A346" s="1" t="s">
        <v>338</v>
      </c>
      <c r="B346" s="2">
        <v>2175</v>
      </c>
      <c r="C346" s="2">
        <v>1875</v>
      </c>
      <c r="D346" s="2">
        <v>1675</v>
      </c>
      <c r="E346" s="13">
        <v>4559</v>
      </c>
    </row>
    <row r="347" spans="1:5" ht="12.75" hidden="1" outlineLevel="1">
      <c r="A347" s="1" t="s">
        <v>339</v>
      </c>
      <c r="B347" s="2">
        <v>38200</v>
      </c>
      <c r="C347" s="2">
        <v>32910</v>
      </c>
      <c r="D347" s="2">
        <v>29390</v>
      </c>
      <c r="E347" s="13">
        <v>4935</v>
      </c>
    </row>
    <row r="348" spans="1:5" ht="12.75" hidden="1" outlineLevel="1">
      <c r="A348" s="1" t="s">
        <v>340</v>
      </c>
      <c r="B348" s="2">
        <v>2230</v>
      </c>
      <c r="C348" s="2">
        <v>1920</v>
      </c>
      <c r="D348" s="2">
        <v>1715</v>
      </c>
      <c r="E348" s="13">
        <v>7711</v>
      </c>
    </row>
    <row r="349" spans="1:5" ht="19.5" hidden="1" outlineLevel="1">
      <c r="A349" s="1" t="s">
        <v>341</v>
      </c>
      <c r="B349" s="2">
        <v>2230</v>
      </c>
      <c r="C349" s="2">
        <v>1920</v>
      </c>
      <c r="D349" s="2">
        <v>1715</v>
      </c>
      <c r="E349" s="13">
        <v>5944</v>
      </c>
    </row>
    <row r="350" spans="1:5" ht="12.75" hidden="1" outlineLevel="1">
      <c r="A350" s="1" t="s">
        <v>342</v>
      </c>
      <c r="B350" s="2">
        <v>2065</v>
      </c>
      <c r="C350" s="2">
        <v>1780</v>
      </c>
      <c r="D350" s="2">
        <v>1585</v>
      </c>
      <c r="E350" s="13">
        <v>9023</v>
      </c>
    </row>
    <row r="351" spans="1:5" ht="12.75" hidden="1" outlineLevel="1">
      <c r="A351" s="1" t="s">
        <v>343</v>
      </c>
      <c r="B351" s="2">
        <v>3010</v>
      </c>
      <c r="C351" s="2">
        <v>2595</v>
      </c>
      <c r="D351" s="2">
        <v>2315</v>
      </c>
      <c r="E351" s="13">
        <v>8363</v>
      </c>
    </row>
    <row r="352" spans="1:5" ht="12.75" hidden="1" outlineLevel="1">
      <c r="A352" s="1" t="s">
        <v>344</v>
      </c>
      <c r="B352" s="2">
        <v>4740</v>
      </c>
      <c r="C352" s="2">
        <v>4085</v>
      </c>
      <c r="D352" s="2">
        <v>3645</v>
      </c>
      <c r="E352" s="13">
        <v>9018</v>
      </c>
    </row>
    <row r="353" spans="1:5" ht="12.75" hidden="1" outlineLevel="1">
      <c r="A353" s="1" t="s">
        <v>345</v>
      </c>
      <c r="B353" s="2">
        <v>5575</v>
      </c>
      <c r="C353" s="2">
        <v>4805</v>
      </c>
      <c r="D353" s="2">
        <v>4290</v>
      </c>
      <c r="E353" s="13">
        <v>8879</v>
      </c>
    </row>
    <row r="354" spans="1:5" ht="12.75" hidden="1" outlineLevel="1">
      <c r="A354" s="1" t="s">
        <v>346</v>
      </c>
      <c r="B354" s="2">
        <v>6135</v>
      </c>
      <c r="C354" s="2">
        <v>5285</v>
      </c>
      <c r="D354" s="2">
        <v>4720</v>
      </c>
      <c r="E354" s="13">
        <v>8880</v>
      </c>
    </row>
    <row r="355" spans="1:5" ht="12.75" hidden="1" outlineLevel="1">
      <c r="A355" s="1" t="s">
        <v>347</v>
      </c>
      <c r="B355" s="2">
        <v>2120</v>
      </c>
      <c r="C355" s="2">
        <v>1825</v>
      </c>
      <c r="D355" s="2">
        <v>1630</v>
      </c>
      <c r="E355" s="13">
        <v>1576</v>
      </c>
    </row>
    <row r="356" spans="1:5" ht="12.75" hidden="1" outlineLevel="1">
      <c r="A356" s="1" t="s">
        <v>348</v>
      </c>
      <c r="B356" s="2">
        <v>55770</v>
      </c>
      <c r="C356" s="2">
        <v>48050</v>
      </c>
      <c r="D356" s="2">
        <v>42900</v>
      </c>
      <c r="E356" s="13">
        <v>9366</v>
      </c>
    </row>
    <row r="357" spans="1:5" ht="12.75" hidden="1" outlineLevel="1">
      <c r="A357" s="1" t="s">
        <v>349</v>
      </c>
      <c r="B357" s="2">
        <v>33460</v>
      </c>
      <c r="C357" s="2">
        <v>28830</v>
      </c>
      <c r="D357" s="2">
        <v>25740</v>
      </c>
      <c r="E357" s="13">
        <v>7583</v>
      </c>
    </row>
    <row r="358" spans="1:5" ht="12.75" hidden="1" outlineLevel="1">
      <c r="A358" s="1" t="s">
        <v>350</v>
      </c>
      <c r="B358" s="2">
        <v>33460</v>
      </c>
      <c r="C358" s="2">
        <v>28830</v>
      </c>
      <c r="D358" s="2">
        <v>25740</v>
      </c>
      <c r="E358" s="13">
        <v>1487</v>
      </c>
    </row>
    <row r="359" spans="1:5" ht="12.75" hidden="1" outlineLevel="1">
      <c r="A359" s="1" t="s">
        <v>351</v>
      </c>
      <c r="B359" s="2">
        <v>47400</v>
      </c>
      <c r="C359" s="2">
        <v>40840</v>
      </c>
      <c r="D359" s="2">
        <v>36470</v>
      </c>
      <c r="E359" s="13">
        <v>1051</v>
      </c>
    </row>
    <row r="360" spans="1:5" ht="12.75" hidden="1" outlineLevel="1">
      <c r="A360" s="1" t="s">
        <v>352</v>
      </c>
      <c r="B360" s="2">
        <v>50190</v>
      </c>
      <c r="C360" s="2">
        <v>43240</v>
      </c>
      <c r="D360" s="2">
        <v>38610</v>
      </c>
      <c r="E360" s="13">
        <v>1456</v>
      </c>
    </row>
    <row r="361" spans="1:5" ht="12.75" hidden="1" outlineLevel="1">
      <c r="A361" s="1" t="s">
        <v>353</v>
      </c>
      <c r="B361" s="2">
        <v>1675</v>
      </c>
      <c r="C361" s="2">
        <v>1440</v>
      </c>
      <c r="D361" s="2">
        <v>1285</v>
      </c>
      <c r="E361" s="13">
        <v>6317</v>
      </c>
    </row>
    <row r="362" spans="1:5" ht="12.75" hidden="1" outlineLevel="1">
      <c r="A362" s="1" t="s">
        <v>354</v>
      </c>
      <c r="B362" s="2">
        <v>17290</v>
      </c>
      <c r="C362" s="2">
        <v>14890</v>
      </c>
      <c r="D362" s="2">
        <v>13300</v>
      </c>
      <c r="E362" s="13">
        <v>9030</v>
      </c>
    </row>
    <row r="363" spans="1:5" ht="12.75" hidden="1" outlineLevel="1">
      <c r="A363" s="1" t="s">
        <v>355</v>
      </c>
      <c r="B363" s="2">
        <v>17290</v>
      </c>
      <c r="C363" s="2">
        <v>14890</v>
      </c>
      <c r="D363" s="2">
        <v>13300</v>
      </c>
      <c r="E363" s="13">
        <v>9031</v>
      </c>
    </row>
    <row r="364" spans="1:5" ht="12.75" hidden="1" outlineLevel="1">
      <c r="A364" s="1" t="s">
        <v>356</v>
      </c>
      <c r="B364" s="2">
        <v>17290</v>
      </c>
      <c r="C364" s="2">
        <v>14890</v>
      </c>
      <c r="D364" s="2">
        <v>13300</v>
      </c>
      <c r="E364" s="13">
        <v>9032</v>
      </c>
    </row>
    <row r="365" spans="1:5" ht="12.75" hidden="1" outlineLevel="1">
      <c r="A365" s="1" t="s">
        <v>357</v>
      </c>
      <c r="B365" s="2">
        <v>66920</v>
      </c>
      <c r="C365" s="2">
        <v>57660</v>
      </c>
      <c r="D365" s="2">
        <v>51480</v>
      </c>
      <c r="E365" s="13">
        <v>7807</v>
      </c>
    </row>
    <row r="366" spans="1:5" ht="19.5" hidden="1" outlineLevel="1">
      <c r="A366" s="1" t="s">
        <v>358</v>
      </c>
      <c r="B366" s="2">
        <v>5575</v>
      </c>
      <c r="C366" s="2">
        <v>4805</v>
      </c>
      <c r="D366" s="2">
        <v>4290</v>
      </c>
      <c r="E366" s="13">
        <v>7997</v>
      </c>
    </row>
    <row r="367" spans="1:5" ht="19.5" hidden="1" outlineLevel="1">
      <c r="A367" s="1" t="s">
        <v>359</v>
      </c>
      <c r="B367" s="2">
        <v>6415</v>
      </c>
      <c r="C367" s="2">
        <v>5525</v>
      </c>
      <c r="D367" s="2">
        <v>4935</v>
      </c>
      <c r="E367" s="13">
        <v>7994</v>
      </c>
    </row>
    <row r="368" spans="1:5" ht="19.5" hidden="1" outlineLevel="1">
      <c r="A368" s="1" t="s">
        <v>360</v>
      </c>
      <c r="B368" s="2">
        <v>5575</v>
      </c>
      <c r="C368" s="2">
        <v>4805</v>
      </c>
      <c r="D368" s="2">
        <v>4290</v>
      </c>
      <c r="E368" s="13">
        <v>7995</v>
      </c>
    </row>
    <row r="369" spans="1:5" ht="19.5" hidden="1" outlineLevel="1">
      <c r="A369" s="1" t="s">
        <v>361</v>
      </c>
      <c r="B369" s="2">
        <v>5575</v>
      </c>
      <c r="C369" s="2">
        <v>4805</v>
      </c>
      <c r="D369" s="2">
        <v>4290</v>
      </c>
      <c r="E369" s="13">
        <v>7996</v>
      </c>
    </row>
    <row r="370" spans="1:5" ht="12.75" hidden="1" outlineLevel="1">
      <c r="A370" s="1" t="s">
        <v>362</v>
      </c>
      <c r="B370" s="2">
        <v>16730</v>
      </c>
      <c r="C370" s="2">
        <v>14410</v>
      </c>
      <c r="D370" s="2">
        <v>12870</v>
      </c>
      <c r="E370" s="13">
        <v>5468</v>
      </c>
    </row>
    <row r="371" spans="1:5" ht="12.75" hidden="1" outlineLevel="1">
      <c r="A371" s="1" t="s">
        <v>363</v>
      </c>
      <c r="B371" s="2">
        <v>11150</v>
      </c>
      <c r="C371" s="2">
        <v>9610</v>
      </c>
      <c r="D371" s="2">
        <v>8580</v>
      </c>
      <c r="E371" s="13">
        <v>7061</v>
      </c>
    </row>
    <row r="372" spans="1:5" ht="12.75" hidden="1" outlineLevel="1">
      <c r="A372" s="1" t="s">
        <v>364</v>
      </c>
      <c r="B372" s="2">
        <v>12160</v>
      </c>
      <c r="C372" s="2">
        <v>10470</v>
      </c>
      <c r="D372" s="2">
        <v>9350</v>
      </c>
      <c r="E372" s="13">
        <v>9574</v>
      </c>
    </row>
    <row r="373" spans="1:5" ht="12.75" hidden="1" outlineLevel="1">
      <c r="A373" s="1" t="s">
        <v>365</v>
      </c>
      <c r="B373" s="2">
        <v>12160</v>
      </c>
      <c r="C373" s="2">
        <v>10470</v>
      </c>
      <c r="D373" s="2">
        <v>9350</v>
      </c>
      <c r="E373" s="13">
        <v>9552</v>
      </c>
    </row>
    <row r="374" spans="1:5" ht="12.75" hidden="1" outlineLevel="1">
      <c r="A374" s="1" t="s">
        <v>366</v>
      </c>
      <c r="B374" s="2">
        <v>12160</v>
      </c>
      <c r="C374" s="2">
        <v>10470</v>
      </c>
      <c r="D374" s="2">
        <v>9350</v>
      </c>
      <c r="E374" s="13">
        <v>9833</v>
      </c>
    </row>
    <row r="375" spans="1:5" ht="12.75" hidden="1" outlineLevel="1">
      <c r="A375" s="1" t="s">
        <v>367</v>
      </c>
      <c r="B375" s="2">
        <v>12160</v>
      </c>
      <c r="C375" s="2">
        <v>10470</v>
      </c>
      <c r="D375" s="2">
        <v>9350</v>
      </c>
      <c r="E375" s="13">
        <v>9553</v>
      </c>
    </row>
    <row r="376" spans="1:5" ht="19.5" hidden="1" outlineLevel="1">
      <c r="A376" s="1" t="s">
        <v>368</v>
      </c>
      <c r="B376" s="2">
        <v>8085</v>
      </c>
      <c r="C376" s="2">
        <v>6965</v>
      </c>
      <c r="D376" s="2">
        <v>6220</v>
      </c>
      <c r="E376" s="13">
        <v>6366</v>
      </c>
    </row>
    <row r="377" spans="1:5" ht="12.75" hidden="1" outlineLevel="1">
      <c r="A377" s="1" t="s">
        <v>369</v>
      </c>
      <c r="B377" s="2">
        <v>25100</v>
      </c>
      <c r="C377" s="2">
        <v>21620</v>
      </c>
      <c r="D377" s="2">
        <v>19310</v>
      </c>
      <c r="E377" s="13">
        <v>5799</v>
      </c>
    </row>
    <row r="378" spans="1:5" ht="12.75" hidden="1" outlineLevel="1">
      <c r="A378" s="1" t="s">
        <v>370</v>
      </c>
      <c r="B378" s="2">
        <v>4460</v>
      </c>
      <c r="C378" s="2">
        <v>3845</v>
      </c>
      <c r="D378" s="2">
        <v>3430</v>
      </c>
      <c r="E378" s="13">
        <v>5963</v>
      </c>
    </row>
    <row r="379" spans="1:5" ht="12.75" hidden="1" outlineLevel="1">
      <c r="A379" s="1" t="s">
        <v>371</v>
      </c>
      <c r="B379" s="2">
        <v>5020</v>
      </c>
      <c r="C379" s="2">
        <v>4325</v>
      </c>
      <c r="D379" s="2">
        <v>3860</v>
      </c>
      <c r="E379" s="13">
        <v>5798</v>
      </c>
    </row>
    <row r="380" spans="1:5" ht="29.25" hidden="1" outlineLevel="1">
      <c r="A380" s="1" t="s">
        <v>372</v>
      </c>
      <c r="B380" s="2">
        <v>3905</v>
      </c>
      <c r="C380" s="2">
        <v>3365</v>
      </c>
      <c r="D380" s="2">
        <v>3005</v>
      </c>
      <c r="E380" s="13">
        <v>6367</v>
      </c>
    </row>
    <row r="381" spans="1:5" ht="12.75" hidden="1" outlineLevel="1">
      <c r="A381" s="1" t="s">
        <v>373</v>
      </c>
      <c r="B381" s="2">
        <v>30670</v>
      </c>
      <c r="C381" s="2">
        <v>26430</v>
      </c>
      <c r="D381" s="2">
        <v>23600</v>
      </c>
      <c r="E381" s="13">
        <v>3015</v>
      </c>
    </row>
    <row r="382" spans="1:5" ht="19.5" hidden="1" outlineLevel="1">
      <c r="A382" s="1" t="s">
        <v>374</v>
      </c>
      <c r="B382" s="2">
        <v>16730</v>
      </c>
      <c r="C382" s="2">
        <v>14410</v>
      </c>
      <c r="D382" s="2">
        <v>12870</v>
      </c>
      <c r="E382" s="13">
        <v>6009</v>
      </c>
    </row>
    <row r="383" spans="1:5" ht="12.75" hidden="1" outlineLevel="1">
      <c r="A383" s="1" t="s">
        <v>375</v>
      </c>
      <c r="B383" s="2">
        <v>44620</v>
      </c>
      <c r="C383" s="2">
        <v>38440</v>
      </c>
      <c r="D383" s="2">
        <v>34320</v>
      </c>
      <c r="E383" s="13">
        <v>3701</v>
      </c>
    </row>
    <row r="384" spans="1:5" ht="12.75" hidden="1" outlineLevel="1">
      <c r="A384" s="1" t="s">
        <v>376</v>
      </c>
      <c r="B384" s="2">
        <v>16170</v>
      </c>
      <c r="C384" s="2">
        <v>13930</v>
      </c>
      <c r="D384" s="2">
        <v>12440</v>
      </c>
      <c r="E384" s="13">
        <v>9262</v>
      </c>
    </row>
    <row r="385" spans="1:5" ht="12.75" hidden="1" outlineLevel="1">
      <c r="A385" s="1" t="s">
        <v>377</v>
      </c>
      <c r="B385" s="2">
        <v>9480</v>
      </c>
      <c r="C385" s="2">
        <v>8170</v>
      </c>
      <c r="D385" s="2">
        <v>7295</v>
      </c>
      <c r="E385" s="13">
        <v>8348</v>
      </c>
    </row>
    <row r="386" spans="1:5" ht="19.5" hidden="1" outlineLevel="1">
      <c r="A386" s="1" t="s">
        <v>378</v>
      </c>
      <c r="B386" s="2">
        <v>16730</v>
      </c>
      <c r="C386" s="2">
        <v>14410</v>
      </c>
      <c r="D386" s="2">
        <v>12870</v>
      </c>
      <c r="E386" s="13">
        <v>7322</v>
      </c>
    </row>
    <row r="387" spans="1:5" ht="12.75" hidden="1" outlineLevel="1">
      <c r="A387" s="1" t="s">
        <v>379</v>
      </c>
      <c r="B387" s="2">
        <v>2790</v>
      </c>
      <c r="C387" s="2">
        <v>2400</v>
      </c>
      <c r="D387" s="2">
        <v>2145</v>
      </c>
      <c r="E387" s="13">
        <v>5163</v>
      </c>
    </row>
    <row r="388" spans="1:5" ht="12.75" hidden="1" outlineLevel="1">
      <c r="A388" s="1" t="s">
        <v>380</v>
      </c>
      <c r="B388" s="2">
        <v>4460</v>
      </c>
      <c r="C388" s="2">
        <v>3845</v>
      </c>
      <c r="D388" s="2">
        <v>3430</v>
      </c>
      <c r="E388" s="13">
        <v>5105</v>
      </c>
    </row>
    <row r="389" spans="1:5" ht="19.5" hidden="1" outlineLevel="1">
      <c r="A389" s="1" t="s">
        <v>381</v>
      </c>
      <c r="B389" s="2">
        <v>5020</v>
      </c>
      <c r="C389" s="2">
        <v>4325</v>
      </c>
      <c r="D389" s="2">
        <v>3860</v>
      </c>
      <c r="E389" s="13">
        <v>9096</v>
      </c>
    </row>
    <row r="390" spans="1:5" ht="12.75" hidden="1" outlineLevel="1">
      <c r="A390" s="1" t="s">
        <v>382</v>
      </c>
      <c r="B390" s="2">
        <v>4740</v>
      </c>
      <c r="C390" s="2">
        <v>4085</v>
      </c>
      <c r="D390" s="2">
        <v>3645</v>
      </c>
      <c r="E390" s="13">
        <v>9113</v>
      </c>
    </row>
    <row r="391" spans="1:5" ht="12.75" hidden="1" outlineLevel="1">
      <c r="A391" s="1" t="s">
        <v>383</v>
      </c>
      <c r="B391" s="2">
        <v>4910</v>
      </c>
      <c r="C391" s="2">
        <v>4230</v>
      </c>
      <c r="D391" s="2">
        <v>3775</v>
      </c>
      <c r="E391" s="13">
        <v>7559</v>
      </c>
    </row>
    <row r="392" spans="1:5" ht="12.75" hidden="1" outlineLevel="1">
      <c r="A392" s="1" t="s">
        <v>384</v>
      </c>
      <c r="B392" s="2">
        <v>5020</v>
      </c>
      <c r="C392" s="2">
        <v>4325</v>
      </c>
      <c r="D392" s="2">
        <v>3860</v>
      </c>
      <c r="E392" s="13">
        <v>5764</v>
      </c>
    </row>
    <row r="393" spans="1:5" ht="12.75" hidden="1" outlineLevel="1">
      <c r="A393" s="1" t="s">
        <v>385</v>
      </c>
      <c r="B393" s="2">
        <v>4460</v>
      </c>
      <c r="C393" s="2">
        <v>3845</v>
      </c>
      <c r="D393" s="2">
        <v>3430</v>
      </c>
      <c r="E393" s="13">
        <v>7881</v>
      </c>
    </row>
    <row r="394" spans="1:5" ht="12.75" hidden="1" outlineLevel="1">
      <c r="A394" s="1" t="s">
        <v>386</v>
      </c>
      <c r="B394" s="2">
        <v>1675</v>
      </c>
      <c r="C394" s="2">
        <v>1440</v>
      </c>
      <c r="D394" s="2">
        <v>1285</v>
      </c>
      <c r="E394" s="13">
        <v>9104</v>
      </c>
    </row>
    <row r="395" spans="1:5" ht="12.75" hidden="1" outlineLevel="1">
      <c r="A395" s="1" t="s">
        <v>387</v>
      </c>
      <c r="B395" s="2">
        <v>22310</v>
      </c>
      <c r="C395" s="2">
        <v>19220</v>
      </c>
      <c r="D395" s="2">
        <v>17160</v>
      </c>
      <c r="E395" s="13">
        <v>1490</v>
      </c>
    </row>
    <row r="396" spans="1:5" ht="12.75" hidden="1" outlineLevel="1">
      <c r="A396" s="1" t="s">
        <v>388</v>
      </c>
      <c r="B396" s="2">
        <v>5575</v>
      </c>
      <c r="C396" s="2">
        <v>4805</v>
      </c>
      <c r="D396" s="2">
        <v>4290</v>
      </c>
      <c r="E396" s="13">
        <v>4305</v>
      </c>
    </row>
    <row r="397" spans="1:5" ht="12.75" hidden="1" outlineLevel="1">
      <c r="A397" s="1" t="s">
        <v>389</v>
      </c>
      <c r="B397" s="2">
        <v>11150</v>
      </c>
      <c r="C397" s="2">
        <v>9610</v>
      </c>
      <c r="D397" s="2">
        <v>8580</v>
      </c>
      <c r="E397" s="13">
        <v>3086</v>
      </c>
    </row>
    <row r="398" spans="1:5" ht="12.75" hidden="1" outlineLevel="1">
      <c r="A398" s="1" t="s">
        <v>390</v>
      </c>
      <c r="B398" s="2">
        <v>11150</v>
      </c>
      <c r="C398" s="2">
        <v>9610</v>
      </c>
      <c r="D398" s="2">
        <v>8580</v>
      </c>
      <c r="E398" s="13">
        <v>3087</v>
      </c>
    </row>
    <row r="399" spans="1:5" ht="12.75" hidden="1" outlineLevel="1">
      <c r="A399" s="1" t="s">
        <v>391</v>
      </c>
      <c r="B399" s="2">
        <v>207500</v>
      </c>
      <c r="C399" s="2">
        <v>178700</v>
      </c>
      <c r="D399" s="2">
        <v>159600</v>
      </c>
      <c r="E399" s="13">
        <v>1389</v>
      </c>
    </row>
    <row r="400" spans="1:5" ht="12.75" hidden="1" outlineLevel="1">
      <c r="A400" s="1" t="s">
        <v>392</v>
      </c>
      <c r="B400" s="2">
        <v>5575</v>
      </c>
      <c r="C400" s="2">
        <v>4805</v>
      </c>
      <c r="D400" s="2">
        <v>4290</v>
      </c>
      <c r="E400" s="13">
        <v>5167</v>
      </c>
    </row>
    <row r="401" spans="1:5" ht="12.75" hidden="1" outlineLevel="1">
      <c r="A401" s="1" t="s">
        <v>393</v>
      </c>
      <c r="B401" s="2">
        <v>22310</v>
      </c>
      <c r="C401" s="2">
        <v>19220</v>
      </c>
      <c r="D401" s="2">
        <v>17160</v>
      </c>
      <c r="E401" s="13">
        <v>9004</v>
      </c>
    </row>
    <row r="402" spans="1:5" ht="12.75" hidden="1" outlineLevel="1">
      <c r="A402" s="1" t="s">
        <v>394</v>
      </c>
      <c r="B402" s="2">
        <v>2790</v>
      </c>
      <c r="C402" s="2">
        <v>2400</v>
      </c>
      <c r="D402" s="2">
        <v>2145</v>
      </c>
      <c r="E402" s="13">
        <v>1037</v>
      </c>
    </row>
    <row r="403" spans="1:5" ht="12.75" hidden="1" outlineLevel="1">
      <c r="A403" s="1" t="s">
        <v>395</v>
      </c>
      <c r="B403" s="2">
        <v>2790</v>
      </c>
      <c r="C403" s="2">
        <v>2400</v>
      </c>
      <c r="D403" s="2">
        <v>2145</v>
      </c>
      <c r="E403" s="13">
        <v>887</v>
      </c>
    </row>
    <row r="404" spans="1:5" ht="12.75" hidden="1" outlineLevel="1">
      <c r="A404" s="1" t="s">
        <v>396</v>
      </c>
      <c r="B404" s="2">
        <v>122700</v>
      </c>
      <c r="C404" s="2">
        <v>105700</v>
      </c>
      <c r="D404" s="2">
        <v>94380</v>
      </c>
      <c r="E404" s="13">
        <v>889</v>
      </c>
    </row>
    <row r="405" spans="1:5" ht="12.75" hidden="1" outlineLevel="1">
      <c r="A405" s="1" t="s">
        <v>397</v>
      </c>
      <c r="B405" s="2">
        <v>22310</v>
      </c>
      <c r="C405" s="2">
        <v>19220</v>
      </c>
      <c r="D405" s="2">
        <v>17160</v>
      </c>
      <c r="E405" s="13">
        <v>1040</v>
      </c>
    </row>
    <row r="406" spans="1:5" ht="12.75" hidden="1" outlineLevel="1">
      <c r="A406" s="1" t="s">
        <v>398</v>
      </c>
      <c r="B406" s="2">
        <v>39040</v>
      </c>
      <c r="C406" s="2">
        <v>33630</v>
      </c>
      <c r="D406" s="2">
        <v>30030</v>
      </c>
      <c r="E406" s="13">
        <v>1020</v>
      </c>
    </row>
    <row r="407" spans="1:5" ht="12.75" hidden="1" outlineLevel="1">
      <c r="A407" s="1" t="s">
        <v>399</v>
      </c>
      <c r="B407" s="2">
        <v>8365</v>
      </c>
      <c r="C407" s="2">
        <v>7205</v>
      </c>
      <c r="D407" s="2">
        <v>6435</v>
      </c>
      <c r="E407" s="13">
        <v>5168</v>
      </c>
    </row>
    <row r="408" spans="1:5" ht="12.75" hidden="1" outlineLevel="1">
      <c r="A408" s="1" t="s">
        <v>400</v>
      </c>
      <c r="B408" s="2">
        <v>22310</v>
      </c>
      <c r="C408" s="2">
        <v>19220</v>
      </c>
      <c r="D408" s="2">
        <v>17160</v>
      </c>
      <c r="E408" s="13">
        <v>3431</v>
      </c>
    </row>
    <row r="409" spans="1:5" ht="12.75" hidden="1" outlineLevel="1">
      <c r="A409" s="1" t="s">
        <v>401</v>
      </c>
      <c r="B409" s="2">
        <v>4460</v>
      </c>
      <c r="C409" s="2">
        <v>3845</v>
      </c>
      <c r="D409" s="2">
        <v>3430</v>
      </c>
      <c r="E409" s="13">
        <v>7993</v>
      </c>
    </row>
    <row r="410" spans="1:5" ht="12.75" hidden="1" outlineLevel="1">
      <c r="A410" s="1" t="s">
        <v>402</v>
      </c>
      <c r="B410" s="2">
        <v>11150</v>
      </c>
      <c r="C410" s="2">
        <v>9610</v>
      </c>
      <c r="D410" s="2">
        <v>8580</v>
      </c>
      <c r="E410" s="13">
        <v>890</v>
      </c>
    </row>
    <row r="411" spans="1:5" ht="12.75" hidden="1" outlineLevel="1">
      <c r="A411" s="1" t="s">
        <v>403</v>
      </c>
      <c r="B411" s="2">
        <v>5575</v>
      </c>
      <c r="C411" s="2">
        <v>4805</v>
      </c>
      <c r="D411" s="2">
        <v>4290</v>
      </c>
      <c r="E411" s="13">
        <v>3288</v>
      </c>
    </row>
    <row r="412" spans="1:5" ht="12.75" hidden="1" outlineLevel="1">
      <c r="A412" s="1" t="s">
        <v>404</v>
      </c>
      <c r="B412" s="2">
        <v>33460</v>
      </c>
      <c r="C412" s="2">
        <v>28830</v>
      </c>
      <c r="D412" s="2">
        <v>25740</v>
      </c>
      <c r="E412" s="13">
        <v>4936</v>
      </c>
    </row>
    <row r="413" spans="1:5" ht="12.75" hidden="1" outlineLevel="1">
      <c r="A413" s="1" t="s">
        <v>405</v>
      </c>
      <c r="B413" s="2">
        <v>145000</v>
      </c>
      <c r="C413" s="2">
        <v>124900</v>
      </c>
      <c r="D413" s="2">
        <v>111500</v>
      </c>
      <c r="E413" s="13">
        <v>7589</v>
      </c>
    </row>
    <row r="414" spans="1:5" ht="12.75" hidden="1" outlineLevel="1">
      <c r="A414" s="1" t="s">
        <v>406</v>
      </c>
      <c r="B414" s="2">
        <v>10040</v>
      </c>
      <c r="C414" s="2">
        <v>8650</v>
      </c>
      <c r="D414" s="2">
        <v>7720</v>
      </c>
      <c r="E414" s="13">
        <v>4780</v>
      </c>
    </row>
    <row r="415" spans="1:5" ht="12.75" hidden="1" outlineLevel="1">
      <c r="A415" s="1" t="s">
        <v>407</v>
      </c>
      <c r="B415" s="2">
        <v>8365</v>
      </c>
      <c r="C415" s="2">
        <v>7205</v>
      </c>
      <c r="D415" s="2">
        <v>6435</v>
      </c>
      <c r="E415" s="13">
        <v>3209</v>
      </c>
    </row>
    <row r="416" spans="1:5" ht="12.75" hidden="1" outlineLevel="1">
      <c r="A416" s="1" t="s">
        <v>408</v>
      </c>
      <c r="B416" s="2">
        <v>5130</v>
      </c>
      <c r="C416" s="2">
        <v>4420</v>
      </c>
      <c r="D416" s="2">
        <v>3945</v>
      </c>
      <c r="E416" s="13">
        <v>886</v>
      </c>
    </row>
    <row r="417" spans="1:5" ht="12.75" hidden="1" outlineLevel="1">
      <c r="A417" s="1" t="s">
        <v>409</v>
      </c>
      <c r="B417" s="2">
        <v>2230</v>
      </c>
      <c r="C417" s="2">
        <v>1920</v>
      </c>
      <c r="D417" s="2">
        <v>1715</v>
      </c>
      <c r="E417" s="13">
        <v>9328</v>
      </c>
    </row>
    <row r="418" spans="1:5" ht="12.75" hidden="1" outlineLevel="1">
      <c r="A418" s="1" t="s">
        <v>410</v>
      </c>
      <c r="B418" s="2">
        <v>2230</v>
      </c>
      <c r="C418" s="2">
        <v>1920</v>
      </c>
      <c r="D418" s="2">
        <v>1715</v>
      </c>
      <c r="E418" s="13">
        <v>9327</v>
      </c>
    </row>
    <row r="419" spans="1:5" ht="12.75" hidden="1" outlineLevel="1">
      <c r="A419" s="1" t="s">
        <v>411</v>
      </c>
      <c r="B419" s="2">
        <v>2230</v>
      </c>
      <c r="C419" s="2">
        <v>1920</v>
      </c>
      <c r="D419" s="2">
        <v>1715</v>
      </c>
      <c r="E419" s="13">
        <v>5488</v>
      </c>
    </row>
    <row r="420" spans="1:5" ht="12.75" hidden="1" outlineLevel="1">
      <c r="A420" s="1" t="s">
        <v>412</v>
      </c>
      <c r="B420" s="2">
        <v>2230</v>
      </c>
      <c r="C420" s="2">
        <v>1920</v>
      </c>
      <c r="D420" s="2">
        <v>1715</v>
      </c>
      <c r="E420" s="13">
        <v>9359</v>
      </c>
    </row>
    <row r="421" spans="1:5" ht="12.75" hidden="1" outlineLevel="1">
      <c r="A421" s="1" t="s">
        <v>413</v>
      </c>
      <c r="B421" s="2">
        <v>33460</v>
      </c>
      <c r="C421" s="2">
        <v>28830</v>
      </c>
      <c r="D421" s="2">
        <v>25740</v>
      </c>
      <c r="E421" s="13">
        <v>7793</v>
      </c>
    </row>
    <row r="422" spans="1:5" ht="12.75" hidden="1" outlineLevel="1">
      <c r="A422" s="1" t="s">
        <v>414</v>
      </c>
      <c r="B422" s="2">
        <v>61350</v>
      </c>
      <c r="C422" s="2">
        <v>52850</v>
      </c>
      <c r="D422" s="2">
        <v>47190</v>
      </c>
      <c r="E422" s="13">
        <v>1495</v>
      </c>
    </row>
    <row r="423" spans="1:5" ht="12.75" hidden="1" outlineLevel="1">
      <c r="A423" s="1" t="s">
        <v>415</v>
      </c>
      <c r="B423" s="2">
        <v>11150</v>
      </c>
      <c r="C423" s="2">
        <v>9610</v>
      </c>
      <c r="D423" s="2">
        <v>8580</v>
      </c>
      <c r="E423" s="13">
        <v>1388</v>
      </c>
    </row>
    <row r="424" spans="1:5" ht="12.75" hidden="1" outlineLevel="1">
      <c r="A424" s="1" t="s">
        <v>416</v>
      </c>
      <c r="B424" s="2">
        <v>66920</v>
      </c>
      <c r="C424" s="2">
        <v>57660</v>
      </c>
      <c r="D424" s="2">
        <v>51480</v>
      </c>
      <c r="E424" s="13">
        <v>4927</v>
      </c>
    </row>
    <row r="425" spans="1:5" ht="12.75" hidden="1" outlineLevel="1">
      <c r="A425" s="1" t="s">
        <v>417</v>
      </c>
      <c r="B425" s="2">
        <v>111500</v>
      </c>
      <c r="C425" s="2">
        <v>96100</v>
      </c>
      <c r="D425" s="2">
        <v>85800</v>
      </c>
      <c r="E425" s="13">
        <v>1100</v>
      </c>
    </row>
    <row r="426" spans="1:5" ht="12.75" hidden="1" outlineLevel="1">
      <c r="A426" s="1" t="s">
        <v>418</v>
      </c>
      <c r="B426" s="2">
        <v>83660</v>
      </c>
      <c r="C426" s="2">
        <v>72070</v>
      </c>
      <c r="D426" s="2">
        <v>64350</v>
      </c>
      <c r="E426" s="13">
        <v>4018</v>
      </c>
    </row>
    <row r="427" spans="1:5" ht="12.75" hidden="1" outlineLevel="1">
      <c r="A427" s="1" t="s">
        <v>419</v>
      </c>
      <c r="B427" s="2">
        <v>55770</v>
      </c>
      <c r="C427" s="2">
        <v>48050</v>
      </c>
      <c r="D427" s="2">
        <v>42900</v>
      </c>
      <c r="E427" s="13">
        <v>6188</v>
      </c>
    </row>
    <row r="428" spans="1:5" ht="12.75" hidden="1" outlineLevel="1">
      <c r="A428" s="1" t="s">
        <v>420</v>
      </c>
      <c r="B428" s="2">
        <v>5020</v>
      </c>
      <c r="C428" s="2">
        <v>4325</v>
      </c>
      <c r="D428" s="2">
        <v>3860</v>
      </c>
      <c r="E428" s="13">
        <v>3784</v>
      </c>
    </row>
    <row r="429" spans="1:5" ht="12.75" hidden="1" outlineLevel="1">
      <c r="A429" s="1" t="s">
        <v>421</v>
      </c>
      <c r="B429" s="2">
        <v>10600</v>
      </c>
      <c r="C429" s="2">
        <v>9130</v>
      </c>
      <c r="D429" s="2">
        <v>8150</v>
      </c>
      <c r="E429" s="13">
        <v>7183</v>
      </c>
    </row>
    <row r="430" spans="1:5" collapsed="1">
      <c r="A430" s="4" t="s">
        <v>422</v>
      </c>
      <c r="B430" s="12"/>
      <c r="C430" s="12"/>
      <c r="D430" s="12"/>
      <c r="E430" s="12"/>
    </row>
    <row r="431" spans="1:5" ht="19.5" hidden="1" outlineLevel="1">
      <c r="A431" s="1" t="s">
        <v>423</v>
      </c>
      <c r="B431" s="2">
        <v>644</v>
      </c>
      <c r="C431" s="2">
        <v>536</v>
      </c>
      <c r="D431" s="2">
        <v>429</v>
      </c>
      <c r="E431" s="13">
        <v>3667</v>
      </c>
    </row>
    <row r="432" spans="1:5" ht="12.75" hidden="1" outlineLevel="1">
      <c r="A432" s="1" t="s">
        <v>424</v>
      </c>
      <c r="B432" s="2">
        <v>1320</v>
      </c>
      <c r="C432" s="2">
        <v>1100</v>
      </c>
      <c r="D432" s="2">
        <v>880</v>
      </c>
      <c r="E432" s="13">
        <v>337</v>
      </c>
    </row>
    <row r="433" spans="1:5" ht="12.75" hidden="1" outlineLevel="1">
      <c r="A433" s="1" t="s">
        <v>425</v>
      </c>
      <c r="B433" s="2">
        <v>1060</v>
      </c>
      <c r="C433" s="2">
        <v>885</v>
      </c>
      <c r="D433" s="2">
        <v>710</v>
      </c>
      <c r="E433" s="13">
        <v>452</v>
      </c>
    </row>
    <row r="434" spans="1:5" ht="12.75" hidden="1" outlineLevel="1">
      <c r="A434" s="1" t="s">
        <v>426</v>
      </c>
      <c r="B434" s="2">
        <v>2250</v>
      </c>
      <c r="C434" s="2">
        <v>1875</v>
      </c>
      <c r="D434" s="2">
        <v>1500</v>
      </c>
      <c r="E434" s="13">
        <v>444</v>
      </c>
    </row>
    <row r="435" spans="1:5" ht="12.75" hidden="1" outlineLevel="1">
      <c r="A435" s="1" t="s">
        <v>427</v>
      </c>
      <c r="B435" s="2">
        <v>3605</v>
      </c>
      <c r="C435" s="2">
        <v>3005</v>
      </c>
      <c r="D435" s="2">
        <v>2400</v>
      </c>
      <c r="E435" s="13">
        <v>4423</v>
      </c>
    </row>
    <row r="436" spans="1:5" ht="12.75" hidden="1" outlineLevel="1">
      <c r="A436" s="1" t="s">
        <v>428</v>
      </c>
      <c r="B436" s="2">
        <v>6435</v>
      </c>
      <c r="C436" s="2">
        <v>5365</v>
      </c>
      <c r="D436" s="2">
        <v>4290</v>
      </c>
      <c r="E436" s="13">
        <v>6304</v>
      </c>
    </row>
    <row r="437" spans="1:5" ht="39" hidden="1" outlineLevel="1">
      <c r="A437" s="1" t="s">
        <v>429</v>
      </c>
      <c r="B437" s="2">
        <v>1095</v>
      </c>
      <c r="C437" s="2">
        <v>910</v>
      </c>
      <c r="D437" s="2">
        <v>730</v>
      </c>
      <c r="E437" s="13">
        <v>5251</v>
      </c>
    </row>
    <row r="438" spans="1:5" ht="12.75" hidden="1" outlineLevel="1">
      <c r="A438" s="1" t="s">
        <v>430</v>
      </c>
      <c r="B438" s="2">
        <v>710</v>
      </c>
      <c r="C438" s="2">
        <v>590</v>
      </c>
      <c r="D438" s="2">
        <v>472</v>
      </c>
      <c r="E438" s="13">
        <v>450</v>
      </c>
    </row>
    <row r="439" spans="1:5" ht="12.75" hidden="1" outlineLevel="1">
      <c r="A439" s="1" t="s">
        <v>431</v>
      </c>
      <c r="B439" s="2">
        <v>1060</v>
      </c>
      <c r="C439" s="2">
        <v>885</v>
      </c>
      <c r="D439" s="2">
        <v>710</v>
      </c>
      <c r="E439" s="13">
        <v>4424</v>
      </c>
    </row>
    <row r="440" spans="1:5" ht="19.5" hidden="1" outlineLevel="1">
      <c r="A440" s="1" t="s">
        <v>432</v>
      </c>
      <c r="B440" s="2">
        <v>770</v>
      </c>
      <c r="C440" s="2">
        <v>644</v>
      </c>
      <c r="D440" s="2">
        <v>515</v>
      </c>
      <c r="E440" s="13">
        <v>3272</v>
      </c>
    </row>
    <row r="441" spans="1:5" ht="12.75" hidden="1" outlineLevel="1">
      <c r="A441" s="1" t="s">
        <v>433</v>
      </c>
      <c r="B441" s="2">
        <v>810</v>
      </c>
      <c r="C441" s="2">
        <v>676</v>
      </c>
      <c r="D441" s="2">
        <v>541</v>
      </c>
      <c r="E441" s="13">
        <v>3286</v>
      </c>
    </row>
    <row r="442" spans="1:5" ht="12.75" hidden="1" outlineLevel="1">
      <c r="A442" s="1" t="s">
        <v>434</v>
      </c>
      <c r="B442" s="2">
        <v>1350</v>
      </c>
      <c r="C442" s="2">
        <v>1125</v>
      </c>
      <c r="D442" s="2">
        <v>900</v>
      </c>
      <c r="E442" s="13">
        <v>6628</v>
      </c>
    </row>
    <row r="443" spans="1:5" ht="12.75" hidden="1" outlineLevel="1">
      <c r="A443" s="1" t="s">
        <v>435</v>
      </c>
      <c r="B443" s="2">
        <v>965</v>
      </c>
      <c r="C443" s="2">
        <v>805</v>
      </c>
      <c r="D443" s="2">
        <v>644</v>
      </c>
      <c r="E443" s="13">
        <v>7641</v>
      </c>
    </row>
    <row r="444" spans="1:5" ht="12.75" hidden="1" outlineLevel="1">
      <c r="A444" s="1" t="s">
        <v>436</v>
      </c>
      <c r="B444" s="2">
        <v>965</v>
      </c>
      <c r="C444" s="2">
        <v>805</v>
      </c>
      <c r="D444" s="2">
        <v>644</v>
      </c>
      <c r="E444" s="13">
        <v>7640</v>
      </c>
    </row>
    <row r="445" spans="1:5" ht="12.75" hidden="1" outlineLevel="1">
      <c r="A445" s="1" t="s">
        <v>437</v>
      </c>
      <c r="B445" s="2">
        <v>965</v>
      </c>
      <c r="C445" s="2">
        <v>805</v>
      </c>
      <c r="D445" s="2">
        <v>644</v>
      </c>
      <c r="E445" s="13">
        <v>7639</v>
      </c>
    </row>
    <row r="446" spans="1:5" ht="12.75" hidden="1" outlineLevel="1">
      <c r="A446" s="1" t="s">
        <v>438</v>
      </c>
      <c r="B446" s="2">
        <v>870</v>
      </c>
      <c r="C446" s="2">
        <v>725</v>
      </c>
      <c r="D446" s="2">
        <v>579</v>
      </c>
      <c r="E446" s="13">
        <v>4009</v>
      </c>
    </row>
    <row r="447" spans="1:5" ht="12.75" hidden="1" outlineLevel="1">
      <c r="A447" s="1" t="s">
        <v>439</v>
      </c>
      <c r="B447" s="2">
        <v>2380</v>
      </c>
      <c r="C447" s="2">
        <v>1985</v>
      </c>
      <c r="D447" s="2">
        <v>1585</v>
      </c>
      <c r="E447" s="13">
        <v>453</v>
      </c>
    </row>
    <row r="448" spans="1:5" ht="12.75" hidden="1" outlineLevel="1">
      <c r="A448" s="1" t="s">
        <v>440</v>
      </c>
      <c r="B448" s="2">
        <v>2125</v>
      </c>
      <c r="C448" s="2">
        <v>1770</v>
      </c>
      <c r="D448" s="2">
        <v>1415</v>
      </c>
      <c r="E448" s="13">
        <v>4799</v>
      </c>
    </row>
    <row r="449" spans="1:5" ht="12.75" hidden="1" outlineLevel="1">
      <c r="A449" s="1" t="s">
        <v>441</v>
      </c>
      <c r="B449" s="2">
        <v>4185</v>
      </c>
      <c r="C449" s="2">
        <v>3485</v>
      </c>
      <c r="D449" s="2">
        <v>2790</v>
      </c>
      <c r="E449" s="13">
        <v>443</v>
      </c>
    </row>
    <row r="450" spans="1:5" ht="12.75" hidden="1" outlineLevel="1">
      <c r="A450" s="1" t="s">
        <v>442</v>
      </c>
      <c r="B450" s="2">
        <v>1450</v>
      </c>
      <c r="C450" s="2">
        <v>1205</v>
      </c>
      <c r="D450" s="2">
        <v>965</v>
      </c>
      <c r="E450" s="13">
        <v>5513</v>
      </c>
    </row>
    <row r="451" spans="1:5" ht="12.75" hidden="1" outlineLevel="1">
      <c r="A451" s="1" t="s">
        <v>443</v>
      </c>
      <c r="B451" s="2">
        <v>1030</v>
      </c>
      <c r="C451" s="2">
        <v>860</v>
      </c>
      <c r="D451" s="2">
        <v>686</v>
      </c>
      <c r="E451" s="13">
        <v>4479</v>
      </c>
    </row>
    <row r="452" spans="1:5" ht="12.75" hidden="1" outlineLevel="1">
      <c r="A452" s="1" t="s">
        <v>444</v>
      </c>
      <c r="B452" s="2">
        <v>2315</v>
      </c>
      <c r="C452" s="2">
        <v>1930</v>
      </c>
      <c r="D452" s="2">
        <v>1545</v>
      </c>
      <c r="E452" s="13">
        <v>9487</v>
      </c>
    </row>
    <row r="453" spans="1:5" ht="29.25" hidden="1" outlineLevel="1">
      <c r="A453" s="1" t="s">
        <v>445</v>
      </c>
      <c r="B453" s="2">
        <v>1255</v>
      </c>
      <c r="C453" s="2">
        <v>1045</v>
      </c>
      <c r="D453" s="2">
        <v>835</v>
      </c>
      <c r="E453" s="13">
        <v>4426</v>
      </c>
    </row>
    <row r="454" spans="1:5" ht="12.75" hidden="1" outlineLevel="1">
      <c r="A454" s="1" t="s">
        <v>446</v>
      </c>
      <c r="B454" s="2">
        <v>1320</v>
      </c>
      <c r="C454" s="2">
        <v>1100</v>
      </c>
      <c r="D454" s="2">
        <v>880</v>
      </c>
      <c r="E454" s="13">
        <v>34</v>
      </c>
    </row>
    <row r="455" spans="1:5" ht="19.5" hidden="1" outlineLevel="1">
      <c r="A455" s="1" t="s">
        <v>447</v>
      </c>
      <c r="B455" s="2">
        <v>1320</v>
      </c>
      <c r="C455" s="2">
        <v>1100</v>
      </c>
      <c r="D455" s="2">
        <v>880</v>
      </c>
      <c r="E455" s="13">
        <v>7554</v>
      </c>
    </row>
    <row r="456" spans="1:5" ht="12.75" hidden="1" outlineLevel="1">
      <c r="A456" s="1" t="s">
        <v>448</v>
      </c>
      <c r="B456" s="2">
        <v>9655</v>
      </c>
      <c r="C456" s="2">
        <v>8045</v>
      </c>
      <c r="D456" s="2">
        <v>6435</v>
      </c>
      <c r="E456" s="13">
        <v>3789</v>
      </c>
    </row>
    <row r="457" spans="1:5" ht="12.75" hidden="1" outlineLevel="1">
      <c r="A457" s="1" t="s">
        <v>449</v>
      </c>
      <c r="B457" s="2">
        <v>33460</v>
      </c>
      <c r="C457" s="2">
        <v>27890</v>
      </c>
      <c r="D457" s="2">
        <v>22310</v>
      </c>
      <c r="E457" s="13">
        <v>9616</v>
      </c>
    </row>
    <row r="458" spans="1:5" ht="19.5" hidden="1" outlineLevel="1">
      <c r="A458" s="1" t="s">
        <v>450</v>
      </c>
      <c r="B458" s="2">
        <v>13510</v>
      </c>
      <c r="C458" s="2">
        <v>11260</v>
      </c>
      <c r="D458" s="2">
        <v>9010</v>
      </c>
      <c r="E458" s="13">
        <v>4439</v>
      </c>
    </row>
    <row r="459" spans="1:5" ht="12.75" hidden="1" outlineLevel="1">
      <c r="A459" s="1" t="s">
        <v>451</v>
      </c>
      <c r="B459" s="2">
        <v>1285</v>
      </c>
      <c r="C459" s="2">
        <v>1075</v>
      </c>
      <c r="D459" s="2">
        <v>860</v>
      </c>
      <c r="E459" s="13">
        <v>3225</v>
      </c>
    </row>
    <row r="460" spans="1:5" ht="12.75" hidden="1" outlineLevel="1">
      <c r="A460" s="1" t="s">
        <v>452</v>
      </c>
      <c r="B460" s="2">
        <v>22520</v>
      </c>
      <c r="C460" s="2">
        <v>18770</v>
      </c>
      <c r="D460" s="2">
        <v>15020</v>
      </c>
      <c r="E460" s="13">
        <v>8468</v>
      </c>
    </row>
    <row r="461" spans="1:5" ht="12.75" hidden="1" outlineLevel="1">
      <c r="A461" s="1" t="s">
        <v>453</v>
      </c>
      <c r="B461" s="2">
        <v>1610</v>
      </c>
      <c r="C461" s="2">
        <v>1340</v>
      </c>
      <c r="D461" s="2">
        <v>1075</v>
      </c>
      <c r="E461" s="13">
        <v>8471</v>
      </c>
    </row>
    <row r="462" spans="1:5" ht="12.75" hidden="1" outlineLevel="1">
      <c r="A462" s="1" t="s">
        <v>454</v>
      </c>
      <c r="B462" s="2">
        <v>1300</v>
      </c>
      <c r="C462" s="2">
        <v>1085</v>
      </c>
      <c r="D462" s="2">
        <v>870</v>
      </c>
      <c r="E462" s="13">
        <v>3386</v>
      </c>
    </row>
    <row r="463" spans="1:5" ht="12.75" hidden="1" outlineLevel="1">
      <c r="A463" s="1" t="s">
        <v>455</v>
      </c>
      <c r="B463" s="2">
        <v>322</v>
      </c>
      <c r="C463" s="2">
        <v>268.10000000000002</v>
      </c>
      <c r="D463" s="2">
        <v>214.5</v>
      </c>
      <c r="E463" s="13">
        <v>37</v>
      </c>
    </row>
    <row r="464" spans="1:5" ht="19.5" hidden="1" outlineLevel="1">
      <c r="A464" s="1" t="s">
        <v>456</v>
      </c>
      <c r="B464" s="2">
        <v>795</v>
      </c>
      <c r="C464" s="2">
        <v>661</v>
      </c>
      <c r="D464" s="2">
        <v>529</v>
      </c>
      <c r="E464" s="13">
        <v>7395</v>
      </c>
    </row>
    <row r="465" spans="1:5" ht="12.75" hidden="1" outlineLevel="1">
      <c r="A465" s="1" t="s">
        <v>457</v>
      </c>
      <c r="B465" s="2">
        <v>644</v>
      </c>
      <c r="C465" s="2">
        <v>536</v>
      </c>
      <c r="D465" s="2">
        <v>429</v>
      </c>
      <c r="E465" s="13">
        <v>3862</v>
      </c>
    </row>
    <row r="466" spans="1:5" ht="12.75" hidden="1" outlineLevel="1">
      <c r="A466" s="1" t="s">
        <v>458</v>
      </c>
      <c r="B466" s="2">
        <v>160.9</v>
      </c>
      <c r="C466" s="2">
        <v>134.1</v>
      </c>
      <c r="D466" s="2">
        <v>107.3</v>
      </c>
      <c r="E466" s="13">
        <v>3165</v>
      </c>
    </row>
    <row r="467" spans="1:5" ht="12.75" hidden="1" outlineLevel="1">
      <c r="A467" s="1" t="s">
        <v>459</v>
      </c>
      <c r="B467" s="2">
        <v>322</v>
      </c>
      <c r="C467" s="2">
        <v>268.10000000000002</v>
      </c>
      <c r="D467" s="2">
        <v>214.5</v>
      </c>
      <c r="E467" s="13">
        <v>454</v>
      </c>
    </row>
    <row r="468" spans="1:5" ht="19.5" hidden="1" outlineLevel="1">
      <c r="A468" s="1" t="s">
        <v>460</v>
      </c>
      <c r="B468" s="2">
        <v>1415</v>
      </c>
      <c r="C468" s="2">
        <v>1180</v>
      </c>
      <c r="D468" s="2">
        <v>945</v>
      </c>
      <c r="E468" s="13">
        <v>1759</v>
      </c>
    </row>
    <row r="469" spans="1:5" ht="12.75" hidden="1" outlineLevel="1">
      <c r="A469" s="1" t="s">
        <v>461</v>
      </c>
      <c r="B469" s="2">
        <v>8560</v>
      </c>
      <c r="C469" s="2">
        <v>7130</v>
      </c>
      <c r="D469" s="2">
        <v>5705</v>
      </c>
      <c r="E469" s="13">
        <v>7396</v>
      </c>
    </row>
    <row r="470" spans="1:5" ht="12.75" hidden="1" outlineLevel="1">
      <c r="A470" s="1" t="s">
        <v>462</v>
      </c>
      <c r="B470" s="2">
        <v>2250</v>
      </c>
      <c r="C470" s="2">
        <v>1875</v>
      </c>
      <c r="D470" s="2">
        <v>1500</v>
      </c>
      <c r="E470" s="13">
        <v>3907</v>
      </c>
    </row>
    <row r="471" spans="1:5" ht="12.75" hidden="1" outlineLevel="1">
      <c r="A471" s="1" t="s">
        <v>463</v>
      </c>
      <c r="B471" s="2">
        <v>644</v>
      </c>
      <c r="C471" s="2">
        <v>536</v>
      </c>
      <c r="D471" s="2">
        <v>429</v>
      </c>
      <c r="E471" s="13">
        <v>4428</v>
      </c>
    </row>
    <row r="472" spans="1:5" ht="12.75" hidden="1" outlineLevel="1">
      <c r="A472" s="1" t="s">
        <v>464</v>
      </c>
      <c r="B472" s="2">
        <v>418</v>
      </c>
      <c r="C472" s="2">
        <v>349</v>
      </c>
      <c r="D472" s="2">
        <v>278.89999999999998</v>
      </c>
      <c r="E472" s="13">
        <v>457</v>
      </c>
    </row>
    <row r="473" spans="1:5" ht="12.75" hidden="1" outlineLevel="1">
      <c r="A473" s="1" t="s">
        <v>465</v>
      </c>
      <c r="B473" s="2">
        <v>1285</v>
      </c>
      <c r="C473" s="2">
        <v>1075</v>
      </c>
      <c r="D473" s="2">
        <v>860</v>
      </c>
      <c r="E473" s="13">
        <v>3669</v>
      </c>
    </row>
    <row r="474" spans="1:5" ht="12.75" hidden="1" outlineLevel="1">
      <c r="A474" s="1" t="s">
        <v>466</v>
      </c>
      <c r="B474" s="2">
        <v>2380</v>
      </c>
      <c r="C474" s="2">
        <v>1985</v>
      </c>
      <c r="D474" s="2">
        <v>1585</v>
      </c>
      <c r="E474" s="13">
        <v>3910</v>
      </c>
    </row>
    <row r="475" spans="1:5" ht="12.75" hidden="1" outlineLevel="1">
      <c r="A475" s="1" t="s">
        <v>467</v>
      </c>
      <c r="B475" s="2">
        <v>2285</v>
      </c>
      <c r="C475" s="2">
        <v>1905</v>
      </c>
      <c r="D475" s="2">
        <v>1525</v>
      </c>
      <c r="E475" s="13">
        <v>3906</v>
      </c>
    </row>
    <row r="476" spans="1:5" ht="12.75" hidden="1" outlineLevel="1">
      <c r="A476" s="1" t="s">
        <v>468</v>
      </c>
      <c r="B476" s="2">
        <v>1610</v>
      </c>
      <c r="C476" s="2">
        <v>1340</v>
      </c>
      <c r="D476" s="2">
        <v>1075</v>
      </c>
      <c r="E476" s="13">
        <v>459</v>
      </c>
    </row>
    <row r="477" spans="1:5" ht="19.5" hidden="1" outlineLevel="1">
      <c r="A477" s="1" t="s">
        <v>469</v>
      </c>
      <c r="B477" s="2">
        <v>965</v>
      </c>
      <c r="C477" s="2">
        <v>805</v>
      </c>
      <c r="D477" s="2">
        <v>644</v>
      </c>
      <c r="E477" s="13">
        <v>7642</v>
      </c>
    </row>
    <row r="478" spans="1:5" ht="12.75" hidden="1" outlineLevel="1">
      <c r="A478" s="1" t="s">
        <v>470</v>
      </c>
      <c r="B478" s="2">
        <v>322</v>
      </c>
      <c r="C478" s="2">
        <v>268.10000000000002</v>
      </c>
      <c r="D478" s="2">
        <v>214.5</v>
      </c>
      <c r="E478" s="13">
        <v>125</v>
      </c>
    </row>
    <row r="479" spans="1:5" ht="19.5" hidden="1" outlineLevel="1">
      <c r="A479" s="1" t="s">
        <v>471</v>
      </c>
      <c r="B479" s="2">
        <v>1125</v>
      </c>
      <c r="C479" s="2">
        <v>940</v>
      </c>
      <c r="D479" s="2">
        <v>750</v>
      </c>
      <c r="E479" s="13">
        <v>7859</v>
      </c>
    </row>
    <row r="480" spans="1:5" ht="12.75" hidden="1" outlineLevel="1">
      <c r="A480" s="1" t="s">
        <v>472</v>
      </c>
      <c r="B480" s="2">
        <v>1160</v>
      </c>
      <c r="C480" s="2">
        <v>965</v>
      </c>
      <c r="D480" s="2">
        <v>770</v>
      </c>
      <c r="E480" s="13">
        <v>3347</v>
      </c>
    </row>
    <row r="481" spans="1:5" ht="12.75" hidden="1" outlineLevel="1">
      <c r="A481" s="1" t="s">
        <v>473</v>
      </c>
      <c r="B481" s="2">
        <v>1060</v>
      </c>
      <c r="C481" s="2">
        <v>885</v>
      </c>
      <c r="D481" s="2">
        <v>710</v>
      </c>
      <c r="E481" s="13">
        <v>892</v>
      </c>
    </row>
    <row r="482" spans="1:5" collapsed="1">
      <c r="A482" s="4" t="s">
        <v>474</v>
      </c>
      <c r="B482" s="12"/>
      <c r="C482" s="12"/>
      <c r="D482" s="12"/>
      <c r="E482" s="12"/>
    </row>
    <row r="483" spans="1:5" ht="12.75" hidden="1" outlineLevel="1">
      <c r="A483" s="1" t="s">
        <v>475</v>
      </c>
      <c r="B483" s="2">
        <v>8.5</v>
      </c>
      <c r="C483" s="2">
        <v>8.1</v>
      </c>
      <c r="D483" s="2">
        <v>7.8</v>
      </c>
      <c r="E483" s="13">
        <v>510</v>
      </c>
    </row>
    <row r="484" spans="1:5" collapsed="1">
      <c r="A484" s="4" t="s">
        <v>476</v>
      </c>
      <c r="B484" s="12"/>
      <c r="C484" s="12"/>
      <c r="D484" s="12"/>
      <c r="E484" s="12"/>
    </row>
    <row r="485" spans="1:5" ht="12.75" hidden="1" outlineLevel="1">
      <c r="A485" s="1" t="s">
        <v>477</v>
      </c>
      <c r="B485" s="2">
        <v>300</v>
      </c>
      <c r="C485" s="2">
        <v>257.39999999999998</v>
      </c>
      <c r="D485" s="2">
        <v>214.5</v>
      </c>
      <c r="E485" s="13">
        <v>5759</v>
      </c>
    </row>
    <row r="486" spans="1:5" ht="12.75" hidden="1" outlineLevel="1">
      <c r="A486" s="1" t="s">
        <v>478</v>
      </c>
      <c r="B486" s="2">
        <v>481</v>
      </c>
      <c r="C486" s="2">
        <v>412</v>
      </c>
      <c r="D486" s="2">
        <v>343</v>
      </c>
      <c r="E486" s="13">
        <v>4871</v>
      </c>
    </row>
    <row r="487" spans="1:5" ht="12.75" hidden="1" outlineLevel="1">
      <c r="A487" s="1" t="s">
        <v>479</v>
      </c>
      <c r="B487" s="2">
        <v>420</v>
      </c>
      <c r="C487" s="2">
        <v>360</v>
      </c>
      <c r="D487" s="2">
        <v>300</v>
      </c>
      <c r="E487" s="13">
        <v>5760</v>
      </c>
    </row>
    <row r="488" spans="1:5" ht="12.75" hidden="1" outlineLevel="1">
      <c r="A488" s="1" t="s">
        <v>480</v>
      </c>
      <c r="B488" s="2">
        <v>390</v>
      </c>
      <c r="C488" s="2">
        <v>335</v>
      </c>
      <c r="D488" s="2">
        <v>278.89999999999998</v>
      </c>
      <c r="E488" s="13">
        <v>5088</v>
      </c>
    </row>
    <row r="489" spans="1:5" ht="12.75" hidden="1" outlineLevel="1">
      <c r="A489" s="1" t="s">
        <v>481</v>
      </c>
      <c r="B489" s="2">
        <v>426</v>
      </c>
      <c r="C489" s="2">
        <v>366</v>
      </c>
      <c r="D489" s="2">
        <v>305</v>
      </c>
      <c r="E489" s="13">
        <v>5327</v>
      </c>
    </row>
    <row r="490" spans="1:5" ht="12.75" hidden="1" outlineLevel="1">
      <c r="A490" s="1" t="s">
        <v>482</v>
      </c>
      <c r="B490" s="2">
        <v>186.2</v>
      </c>
      <c r="C490" s="2">
        <v>159.6</v>
      </c>
      <c r="D490" s="2">
        <v>133</v>
      </c>
      <c r="E490" s="13">
        <v>5087</v>
      </c>
    </row>
    <row r="491" spans="1:5" ht="12.75" hidden="1" outlineLevel="1">
      <c r="A491" s="1" t="s">
        <v>483</v>
      </c>
      <c r="B491" s="2">
        <v>186.2</v>
      </c>
      <c r="C491" s="2">
        <v>159.6</v>
      </c>
      <c r="D491" s="2">
        <v>133</v>
      </c>
      <c r="E491" s="13">
        <v>1592</v>
      </c>
    </row>
    <row r="492" spans="1:5" ht="12.75" hidden="1" outlineLevel="1">
      <c r="A492" s="1" t="s">
        <v>484</v>
      </c>
      <c r="B492" s="2">
        <v>1320</v>
      </c>
      <c r="C492" s="2">
        <v>1135</v>
      </c>
      <c r="D492" s="2">
        <v>945</v>
      </c>
      <c r="E492" s="13">
        <v>4371</v>
      </c>
    </row>
    <row r="493" spans="1:5" ht="12.75" hidden="1" outlineLevel="1">
      <c r="A493" s="1" t="s">
        <v>485</v>
      </c>
      <c r="B493" s="2">
        <v>270.3</v>
      </c>
      <c r="C493" s="2">
        <v>231.7</v>
      </c>
      <c r="D493" s="2">
        <v>193.1</v>
      </c>
      <c r="E493" s="13">
        <v>1315</v>
      </c>
    </row>
    <row r="494" spans="1:5" ht="19.5" hidden="1" outlineLevel="1">
      <c r="A494" s="1" t="s">
        <v>486</v>
      </c>
      <c r="B494" s="2">
        <v>541</v>
      </c>
      <c r="C494" s="2">
        <v>463</v>
      </c>
      <c r="D494" s="2">
        <v>386</v>
      </c>
      <c r="E494" s="13">
        <v>508</v>
      </c>
    </row>
    <row r="495" spans="1:5" ht="12.75" hidden="1" outlineLevel="1">
      <c r="A495" s="1" t="s">
        <v>487</v>
      </c>
      <c r="B495" s="2">
        <v>216.2</v>
      </c>
      <c r="C495" s="2">
        <v>185.3</v>
      </c>
      <c r="D495" s="2">
        <v>154.4</v>
      </c>
      <c r="E495" s="13">
        <v>77</v>
      </c>
    </row>
    <row r="496" spans="1:5" ht="12.75" hidden="1" outlineLevel="1">
      <c r="A496" s="1" t="s">
        <v>488</v>
      </c>
      <c r="B496" s="2">
        <v>180.2</v>
      </c>
      <c r="C496" s="2">
        <v>154.4</v>
      </c>
      <c r="D496" s="2">
        <v>128.69999999999999</v>
      </c>
      <c r="E496" s="13">
        <v>319</v>
      </c>
    </row>
    <row r="497" spans="1:5" ht="12.75" hidden="1" outlineLevel="1">
      <c r="A497" s="1" t="s">
        <v>489</v>
      </c>
      <c r="B497" s="2">
        <v>120.1</v>
      </c>
      <c r="C497" s="2">
        <v>103</v>
      </c>
      <c r="D497" s="2">
        <v>86</v>
      </c>
      <c r="E497" s="13">
        <v>5618</v>
      </c>
    </row>
    <row r="498" spans="1:5" ht="12.75" hidden="1" outlineLevel="1">
      <c r="A498" s="1" t="s">
        <v>490</v>
      </c>
      <c r="B498" s="2">
        <v>294.3</v>
      </c>
      <c r="C498" s="2">
        <v>252.3</v>
      </c>
      <c r="D498" s="2">
        <v>210.2</v>
      </c>
      <c r="E498" s="13">
        <v>318</v>
      </c>
    </row>
    <row r="499" spans="1:5" ht="12.75" hidden="1" outlineLevel="1">
      <c r="A499" s="1" t="s">
        <v>491</v>
      </c>
      <c r="B499" s="2">
        <v>342</v>
      </c>
      <c r="C499" s="2">
        <v>293.39999999999998</v>
      </c>
      <c r="D499" s="2">
        <v>244.5</v>
      </c>
      <c r="E499" s="13">
        <v>10085</v>
      </c>
    </row>
    <row r="500" spans="1:5" ht="12.75" hidden="1" outlineLevel="1">
      <c r="A500" s="1" t="s">
        <v>492</v>
      </c>
      <c r="B500" s="2">
        <v>481</v>
      </c>
      <c r="C500" s="2">
        <v>412</v>
      </c>
      <c r="D500" s="2">
        <v>343</v>
      </c>
      <c r="E500" s="13">
        <v>324</v>
      </c>
    </row>
    <row r="501" spans="1:5" ht="12.75" hidden="1" outlineLevel="1">
      <c r="A501" s="1" t="s">
        <v>493</v>
      </c>
      <c r="B501" s="2">
        <v>565</v>
      </c>
      <c r="C501" s="2">
        <v>484</v>
      </c>
      <c r="D501" s="2">
        <v>403</v>
      </c>
      <c r="E501" s="13">
        <v>3500</v>
      </c>
    </row>
    <row r="502" spans="1:5" ht="12.75" hidden="1" outlineLevel="1">
      <c r="A502" s="1" t="s">
        <v>494</v>
      </c>
      <c r="B502" s="2">
        <v>1440</v>
      </c>
      <c r="C502" s="2">
        <v>1235</v>
      </c>
      <c r="D502" s="2">
        <v>1030</v>
      </c>
      <c r="E502" s="13">
        <v>5610</v>
      </c>
    </row>
    <row r="503" spans="1:5" ht="12.75" hidden="1" outlineLevel="1">
      <c r="A503" s="1" t="s">
        <v>495</v>
      </c>
      <c r="B503" s="2">
        <v>2100</v>
      </c>
      <c r="C503" s="2">
        <v>1800</v>
      </c>
      <c r="D503" s="2">
        <v>1500</v>
      </c>
      <c r="E503" s="13">
        <v>3863</v>
      </c>
    </row>
    <row r="504" spans="1:5" ht="12.75" hidden="1" outlineLevel="1">
      <c r="A504" s="1" t="s">
        <v>496</v>
      </c>
      <c r="B504" s="2">
        <v>1920</v>
      </c>
      <c r="C504" s="2">
        <v>1645</v>
      </c>
      <c r="D504" s="2">
        <v>1375</v>
      </c>
      <c r="E504" s="13">
        <v>1494</v>
      </c>
    </row>
    <row r="505" spans="1:5" collapsed="1">
      <c r="A505" s="4" t="s">
        <v>497</v>
      </c>
      <c r="B505" s="12"/>
      <c r="C505" s="12"/>
      <c r="D505" s="12"/>
      <c r="E505" s="12"/>
    </row>
    <row r="506" spans="1:5" ht="19.5" hidden="1" outlineLevel="1">
      <c r="A506" s="1" t="s">
        <v>498</v>
      </c>
      <c r="B506" s="2">
        <v>1285</v>
      </c>
      <c r="C506" s="2">
        <v>1075</v>
      </c>
      <c r="D506" s="2">
        <v>860</v>
      </c>
      <c r="E506" s="13">
        <v>7497</v>
      </c>
    </row>
    <row r="507" spans="1:5" ht="12.75" hidden="1" outlineLevel="1">
      <c r="A507" s="1" t="s">
        <v>499</v>
      </c>
      <c r="B507" s="2">
        <v>965</v>
      </c>
      <c r="C507" s="2">
        <v>805</v>
      </c>
      <c r="D507" s="2">
        <v>644</v>
      </c>
      <c r="E507" s="13">
        <v>5685</v>
      </c>
    </row>
    <row r="508" spans="1:5" ht="19.5" hidden="1" outlineLevel="1">
      <c r="A508" s="1" t="s">
        <v>500</v>
      </c>
      <c r="B508" s="2">
        <v>1930</v>
      </c>
      <c r="C508" s="2">
        <v>1610</v>
      </c>
      <c r="D508" s="2">
        <v>1285</v>
      </c>
      <c r="E508" s="13">
        <v>5686</v>
      </c>
    </row>
    <row r="509" spans="1:5" ht="19.5" hidden="1" outlineLevel="1">
      <c r="A509" s="1" t="s">
        <v>501</v>
      </c>
      <c r="B509" s="2">
        <v>1510</v>
      </c>
      <c r="C509" s="2">
        <v>1260</v>
      </c>
      <c r="D509" s="2">
        <v>1010</v>
      </c>
      <c r="E509" s="13">
        <v>6755</v>
      </c>
    </row>
    <row r="510" spans="1:5" ht="12.75" hidden="1" outlineLevel="1">
      <c r="A510" s="1" t="s">
        <v>502</v>
      </c>
      <c r="B510" s="2">
        <v>1675</v>
      </c>
      <c r="C510" s="2">
        <v>1395</v>
      </c>
      <c r="D510" s="2">
        <v>1115</v>
      </c>
      <c r="E510" s="13">
        <v>5687</v>
      </c>
    </row>
    <row r="511" spans="1:5" ht="12.75" hidden="1" outlineLevel="1">
      <c r="A511" s="1" t="s">
        <v>503</v>
      </c>
      <c r="B511" s="2">
        <v>1610</v>
      </c>
      <c r="C511" s="2">
        <v>1340</v>
      </c>
      <c r="D511" s="2">
        <v>1075</v>
      </c>
      <c r="E511" s="13">
        <v>5688</v>
      </c>
    </row>
    <row r="512" spans="1:5" ht="12.75" hidden="1" outlineLevel="1">
      <c r="A512" s="1" t="s">
        <v>504</v>
      </c>
      <c r="B512" s="2">
        <v>1675</v>
      </c>
      <c r="C512" s="2">
        <v>1395</v>
      </c>
      <c r="D512" s="2">
        <v>1115</v>
      </c>
      <c r="E512" s="13">
        <v>5689</v>
      </c>
    </row>
    <row r="513" spans="1:5" ht="12.75" hidden="1" outlineLevel="1">
      <c r="A513" s="1" t="s">
        <v>505</v>
      </c>
      <c r="B513" s="2">
        <v>1350</v>
      </c>
      <c r="C513" s="2">
        <v>1125</v>
      </c>
      <c r="D513" s="2">
        <v>900</v>
      </c>
      <c r="E513" s="13">
        <v>5690</v>
      </c>
    </row>
    <row r="514" spans="1:5" ht="19.5" hidden="1" outlineLevel="1">
      <c r="A514" s="1" t="s">
        <v>506</v>
      </c>
      <c r="B514" s="2">
        <v>1575</v>
      </c>
      <c r="C514" s="2">
        <v>1315</v>
      </c>
      <c r="D514" s="2">
        <v>1050</v>
      </c>
      <c r="E514" s="13">
        <v>5691</v>
      </c>
    </row>
    <row r="515" spans="1:5" ht="12.75" hidden="1" outlineLevel="1">
      <c r="A515" s="1" t="s">
        <v>507</v>
      </c>
      <c r="B515" s="2">
        <v>1510</v>
      </c>
      <c r="C515" s="2">
        <v>1260</v>
      </c>
      <c r="D515" s="2">
        <v>1010</v>
      </c>
      <c r="E515" s="13">
        <v>5692</v>
      </c>
    </row>
    <row r="516" spans="1:5" ht="12.75" hidden="1" outlineLevel="1">
      <c r="A516" s="1" t="s">
        <v>508</v>
      </c>
      <c r="B516" s="2">
        <v>1450</v>
      </c>
      <c r="C516" s="2">
        <v>1205</v>
      </c>
      <c r="D516" s="2">
        <v>965</v>
      </c>
      <c r="E516" s="13">
        <v>5693</v>
      </c>
    </row>
    <row r="517" spans="1:5" ht="19.5" hidden="1" outlineLevel="1">
      <c r="A517" s="1" t="s">
        <v>509</v>
      </c>
      <c r="B517" s="2">
        <v>1415</v>
      </c>
      <c r="C517" s="2">
        <v>1180</v>
      </c>
      <c r="D517" s="2">
        <v>945</v>
      </c>
      <c r="E517" s="13">
        <v>5694</v>
      </c>
    </row>
    <row r="518" spans="1:5" ht="19.5" hidden="1" outlineLevel="1">
      <c r="A518" s="1" t="s">
        <v>510</v>
      </c>
      <c r="B518" s="2">
        <v>1640</v>
      </c>
      <c r="C518" s="2">
        <v>1365</v>
      </c>
      <c r="D518" s="2">
        <v>1095</v>
      </c>
      <c r="E518" s="13">
        <v>5695</v>
      </c>
    </row>
    <row r="519" spans="1:5" ht="12.75" hidden="1" outlineLevel="1">
      <c r="A519" s="1" t="s">
        <v>511</v>
      </c>
      <c r="B519" s="2">
        <v>1545</v>
      </c>
      <c r="C519" s="2">
        <v>1285</v>
      </c>
      <c r="D519" s="2">
        <v>1030</v>
      </c>
      <c r="E519" s="13">
        <v>5696</v>
      </c>
    </row>
    <row r="520" spans="1:5" ht="12.75" hidden="1" outlineLevel="1">
      <c r="A520" s="1" t="s">
        <v>512</v>
      </c>
      <c r="B520" s="2">
        <v>2575</v>
      </c>
      <c r="C520" s="2">
        <v>2145</v>
      </c>
      <c r="D520" s="2">
        <v>1715</v>
      </c>
      <c r="E520" s="13">
        <v>1788</v>
      </c>
    </row>
    <row r="521" spans="1:5" ht="12.75" hidden="1" outlineLevel="1">
      <c r="A521" s="1" t="s">
        <v>513</v>
      </c>
      <c r="B521" s="2">
        <v>2060</v>
      </c>
      <c r="C521" s="2">
        <v>1715</v>
      </c>
      <c r="D521" s="2">
        <v>1375</v>
      </c>
      <c r="E521" s="13">
        <v>5089</v>
      </c>
    </row>
    <row r="522" spans="1:5" ht="12.75" hidden="1" outlineLevel="1">
      <c r="A522" s="1" t="s">
        <v>514</v>
      </c>
      <c r="B522" s="2">
        <v>11580</v>
      </c>
      <c r="C522" s="2">
        <v>9655</v>
      </c>
      <c r="D522" s="2">
        <v>7720</v>
      </c>
      <c r="E522" s="13">
        <v>582</v>
      </c>
    </row>
    <row r="523" spans="1:5" ht="12.75" hidden="1" outlineLevel="1">
      <c r="A523" s="1" t="s">
        <v>515</v>
      </c>
      <c r="B523" s="2">
        <v>515</v>
      </c>
      <c r="C523" s="2">
        <v>429</v>
      </c>
      <c r="D523" s="2">
        <v>343</v>
      </c>
      <c r="E523" s="13">
        <v>10317</v>
      </c>
    </row>
    <row r="524" spans="1:5" ht="12.75" hidden="1" outlineLevel="1">
      <c r="A524" s="1" t="s">
        <v>516</v>
      </c>
      <c r="B524" s="2">
        <v>2250</v>
      </c>
      <c r="C524" s="2">
        <v>1875</v>
      </c>
      <c r="D524" s="2">
        <v>1500</v>
      </c>
      <c r="E524" s="13">
        <v>4674</v>
      </c>
    </row>
    <row r="525" spans="1:5" ht="12.75" hidden="1" outlineLevel="1">
      <c r="A525" s="1" t="s">
        <v>517</v>
      </c>
      <c r="B525" s="2">
        <v>644</v>
      </c>
      <c r="C525" s="2">
        <v>536</v>
      </c>
      <c r="D525" s="2">
        <v>429</v>
      </c>
      <c r="E525" s="13">
        <v>5141</v>
      </c>
    </row>
    <row r="526" spans="1:5" ht="12.75" hidden="1" outlineLevel="1">
      <c r="A526" s="1" t="s">
        <v>518</v>
      </c>
      <c r="B526" s="2">
        <v>515</v>
      </c>
      <c r="C526" s="2">
        <v>429</v>
      </c>
      <c r="D526" s="2">
        <v>343</v>
      </c>
      <c r="E526" s="13">
        <v>7921</v>
      </c>
    </row>
    <row r="527" spans="1:5" ht="12.75" hidden="1" outlineLevel="1">
      <c r="A527" s="1" t="s">
        <v>519</v>
      </c>
      <c r="B527" s="2">
        <v>154.4</v>
      </c>
      <c r="C527" s="2">
        <v>128.69999999999999</v>
      </c>
      <c r="D527" s="2">
        <v>103</v>
      </c>
      <c r="E527" s="13">
        <v>10322</v>
      </c>
    </row>
    <row r="528" spans="1:5" ht="12.75" hidden="1" outlineLevel="1">
      <c r="A528" s="1" t="s">
        <v>520</v>
      </c>
      <c r="B528" s="2">
        <v>502</v>
      </c>
      <c r="C528" s="2">
        <v>418</v>
      </c>
      <c r="D528" s="2">
        <v>335</v>
      </c>
      <c r="E528" s="13">
        <v>10302</v>
      </c>
    </row>
    <row r="529" spans="1:5" ht="12.75" hidden="1" outlineLevel="1">
      <c r="A529" s="1" t="s">
        <v>521</v>
      </c>
      <c r="B529" s="2">
        <v>515</v>
      </c>
      <c r="C529" s="2">
        <v>429</v>
      </c>
      <c r="D529" s="2">
        <v>343</v>
      </c>
      <c r="E529" s="13">
        <v>5130</v>
      </c>
    </row>
    <row r="530" spans="1:5" ht="29.25" hidden="1" outlineLevel="1">
      <c r="A530" s="1" t="s">
        <v>522</v>
      </c>
      <c r="B530" s="2">
        <v>644</v>
      </c>
      <c r="C530" s="2">
        <v>536</v>
      </c>
      <c r="D530" s="2">
        <v>429</v>
      </c>
      <c r="E530" s="13">
        <v>5139</v>
      </c>
    </row>
    <row r="531" spans="1:5" ht="12.75" hidden="1" outlineLevel="1">
      <c r="A531" s="1" t="s">
        <v>523</v>
      </c>
      <c r="B531" s="2">
        <v>173.7</v>
      </c>
      <c r="C531" s="2">
        <v>144.80000000000001</v>
      </c>
      <c r="D531" s="2">
        <v>115.8</v>
      </c>
      <c r="E531" s="13">
        <v>10289</v>
      </c>
    </row>
    <row r="532" spans="1:5" ht="12.75" hidden="1" outlineLevel="1">
      <c r="A532" s="1" t="s">
        <v>524</v>
      </c>
      <c r="B532" s="2">
        <v>592</v>
      </c>
      <c r="C532" s="2">
        <v>493</v>
      </c>
      <c r="D532" s="2">
        <v>395</v>
      </c>
      <c r="E532" s="13">
        <v>115</v>
      </c>
    </row>
    <row r="533" spans="1:5" ht="19.5" hidden="1" outlineLevel="1">
      <c r="A533" s="1" t="s">
        <v>525</v>
      </c>
      <c r="B533" s="2">
        <v>1060</v>
      </c>
      <c r="C533" s="2">
        <v>885</v>
      </c>
      <c r="D533" s="2">
        <v>710</v>
      </c>
      <c r="E533" s="13">
        <v>3370</v>
      </c>
    </row>
    <row r="534" spans="1:5" ht="19.5" hidden="1" outlineLevel="1">
      <c r="A534" s="1" t="s">
        <v>526</v>
      </c>
      <c r="B534" s="2">
        <v>7720</v>
      </c>
      <c r="C534" s="2">
        <v>6435</v>
      </c>
      <c r="D534" s="2">
        <v>5150</v>
      </c>
      <c r="E534" s="13">
        <v>5128</v>
      </c>
    </row>
    <row r="535" spans="1:5" ht="19.5" hidden="1" outlineLevel="1">
      <c r="A535" s="1" t="s">
        <v>527</v>
      </c>
      <c r="B535" s="2">
        <v>8815</v>
      </c>
      <c r="C535" s="2">
        <v>7345</v>
      </c>
      <c r="D535" s="2">
        <v>5875</v>
      </c>
      <c r="E535" s="13">
        <v>4451</v>
      </c>
    </row>
    <row r="536" spans="1:5" ht="19.5" hidden="1" outlineLevel="1">
      <c r="A536" s="1" t="s">
        <v>528</v>
      </c>
      <c r="B536" s="2">
        <v>644</v>
      </c>
      <c r="C536" s="2">
        <v>536</v>
      </c>
      <c r="D536" s="2">
        <v>429</v>
      </c>
      <c r="E536" s="13">
        <v>4128</v>
      </c>
    </row>
    <row r="537" spans="1:5" ht="19.5" hidden="1" outlineLevel="1">
      <c r="A537" s="1" t="s">
        <v>529</v>
      </c>
      <c r="B537" s="2">
        <v>965</v>
      </c>
      <c r="C537" s="2">
        <v>805</v>
      </c>
      <c r="D537" s="2">
        <v>644</v>
      </c>
      <c r="E537" s="13">
        <v>90</v>
      </c>
    </row>
    <row r="538" spans="1:5" collapsed="1">
      <c r="A538" s="4" t="s">
        <v>530</v>
      </c>
      <c r="B538" s="12"/>
      <c r="C538" s="12"/>
      <c r="D538" s="12"/>
      <c r="E538" s="12"/>
    </row>
    <row r="539" spans="1:5" ht="12.75" hidden="1" outlineLevel="1">
      <c r="A539" s="1" t="s">
        <v>531</v>
      </c>
      <c r="B539" s="2">
        <v>2360</v>
      </c>
      <c r="C539" s="2">
        <v>2230</v>
      </c>
      <c r="D539" s="2">
        <v>2145</v>
      </c>
      <c r="E539" s="13">
        <v>1408</v>
      </c>
    </row>
    <row r="540" spans="1:5" ht="29.25" hidden="1" outlineLevel="1">
      <c r="A540" s="1" t="s">
        <v>532</v>
      </c>
      <c r="B540" s="2">
        <v>11800</v>
      </c>
      <c r="C540" s="2">
        <v>11150</v>
      </c>
      <c r="D540" s="2">
        <v>10730</v>
      </c>
      <c r="E540" s="13">
        <v>7285</v>
      </c>
    </row>
    <row r="541" spans="1:5" ht="19.5" hidden="1" outlineLevel="1">
      <c r="A541" s="1" t="s">
        <v>533</v>
      </c>
      <c r="B541" s="2">
        <v>3775</v>
      </c>
      <c r="C541" s="2">
        <v>3570</v>
      </c>
      <c r="D541" s="2">
        <v>3430</v>
      </c>
      <c r="E541" s="13">
        <v>4474</v>
      </c>
    </row>
    <row r="542" spans="1:5" ht="12.75" hidden="1" outlineLevel="1">
      <c r="A542" s="1" t="s">
        <v>534</v>
      </c>
      <c r="B542" s="2">
        <v>4860</v>
      </c>
      <c r="C542" s="2">
        <v>4595</v>
      </c>
      <c r="D542" s="2">
        <v>4420</v>
      </c>
      <c r="E542" s="13">
        <v>1443</v>
      </c>
    </row>
    <row r="543" spans="1:5" ht="12.75" hidden="1" outlineLevel="1">
      <c r="A543" s="1" t="s">
        <v>535</v>
      </c>
      <c r="B543" s="2">
        <v>2360</v>
      </c>
      <c r="C543" s="2">
        <v>2230</v>
      </c>
      <c r="D543" s="2">
        <v>2145</v>
      </c>
      <c r="E543" s="13">
        <v>562</v>
      </c>
    </row>
    <row r="544" spans="1:5" ht="12.75" hidden="1" outlineLevel="1">
      <c r="A544" s="1" t="s">
        <v>536</v>
      </c>
      <c r="B544" s="2">
        <v>6370</v>
      </c>
      <c r="C544" s="2">
        <v>6025</v>
      </c>
      <c r="D544" s="2">
        <v>5790</v>
      </c>
      <c r="E544" s="13">
        <v>5164</v>
      </c>
    </row>
    <row r="545" spans="1:5" ht="12.75" hidden="1" outlineLevel="1">
      <c r="A545" s="1" t="s">
        <v>537</v>
      </c>
      <c r="B545" s="2">
        <v>2595</v>
      </c>
      <c r="C545" s="2">
        <v>2455</v>
      </c>
      <c r="D545" s="2">
        <v>2360</v>
      </c>
      <c r="E545" s="13">
        <v>5738</v>
      </c>
    </row>
    <row r="546" spans="1:5" ht="12.75" hidden="1" outlineLevel="1">
      <c r="A546" s="1" t="s">
        <v>538</v>
      </c>
      <c r="B546" s="2">
        <v>7080</v>
      </c>
      <c r="C546" s="2">
        <v>6690</v>
      </c>
      <c r="D546" s="2">
        <v>6435</v>
      </c>
      <c r="E546" s="13">
        <v>9148</v>
      </c>
    </row>
    <row r="547" spans="1:5" ht="12.75" hidden="1" outlineLevel="1">
      <c r="A547" s="1" t="s">
        <v>539</v>
      </c>
      <c r="B547" s="2">
        <v>3775</v>
      </c>
      <c r="C547" s="2">
        <v>3570</v>
      </c>
      <c r="D547" s="2">
        <v>3430</v>
      </c>
      <c r="E547" s="13">
        <v>5500</v>
      </c>
    </row>
    <row r="548" spans="1:5" ht="12.75" hidden="1" outlineLevel="1">
      <c r="A548" s="1" t="s">
        <v>540</v>
      </c>
      <c r="B548" s="2">
        <v>2360</v>
      </c>
      <c r="C548" s="2">
        <v>2230</v>
      </c>
      <c r="D548" s="2">
        <v>2145</v>
      </c>
      <c r="E548" s="13">
        <v>7798</v>
      </c>
    </row>
    <row r="549" spans="1:5" ht="19.5" hidden="1" outlineLevel="1">
      <c r="A549" s="1" t="s">
        <v>541</v>
      </c>
      <c r="B549" s="2">
        <v>10380</v>
      </c>
      <c r="C549" s="2">
        <v>9815</v>
      </c>
      <c r="D549" s="2">
        <v>9440</v>
      </c>
      <c r="E549" s="13">
        <v>7694</v>
      </c>
    </row>
    <row r="550" spans="1:5" ht="12.75" hidden="1" outlineLevel="1">
      <c r="A550" s="1" t="s">
        <v>542</v>
      </c>
      <c r="B550" s="2">
        <v>5190</v>
      </c>
      <c r="C550" s="2">
        <v>4910</v>
      </c>
      <c r="D550" s="2">
        <v>4720</v>
      </c>
      <c r="E550" s="13">
        <v>7528</v>
      </c>
    </row>
    <row r="551" spans="1:5" ht="12.75" hidden="1" outlineLevel="1">
      <c r="A551" s="1" t="s">
        <v>543</v>
      </c>
      <c r="B551" s="2">
        <v>4720</v>
      </c>
      <c r="C551" s="2">
        <v>4460</v>
      </c>
      <c r="D551" s="2">
        <v>4290</v>
      </c>
      <c r="E551" s="13">
        <v>8333</v>
      </c>
    </row>
    <row r="552" spans="1:5" ht="19.5" hidden="1" outlineLevel="1">
      <c r="A552" s="1" t="s">
        <v>544</v>
      </c>
      <c r="B552" s="2">
        <v>2125</v>
      </c>
      <c r="C552" s="2">
        <v>2010</v>
      </c>
      <c r="D552" s="2">
        <v>1930</v>
      </c>
      <c r="E552" s="13">
        <v>8236</v>
      </c>
    </row>
    <row r="553" spans="1:5" ht="19.5" hidden="1" outlineLevel="1">
      <c r="A553" s="1" t="s">
        <v>545</v>
      </c>
      <c r="B553" s="2">
        <v>2595</v>
      </c>
      <c r="C553" s="2">
        <v>2455</v>
      </c>
      <c r="D553" s="2">
        <v>2360</v>
      </c>
      <c r="E553" s="13">
        <v>559</v>
      </c>
    </row>
    <row r="554" spans="1:5" ht="19.5" hidden="1" outlineLevel="1">
      <c r="A554" s="1" t="s">
        <v>546</v>
      </c>
      <c r="B554" s="2">
        <v>3775</v>
      </c>
      <c r="C554" s="2">
        <v>3570</v>
      </c>
      <c r="D554" s="2">
        <v>3430</v>
      </c>
      <c r="E554" s="13">
        <v>8020</v>
      </c>
    </row>
    <row r="555" spans="1:5" ht="19.5" hidden="1" outlineLevel="1">
      <c r="A555" s="1" t="s">
        <v>547</v>
      </c>
      <c r="B555" s="2">
        <v>425</v>
      </c>
      <c r="C555" s="2">
        <v>402</v>
      </c>
      <c r="D555" s="2">
        <v>386</v>
      </c>
      <c r="E555" s="13">
        <v>6932</v>
      </c>
    </row>
    <row r="556" spans="1:5" ht="19.5" hidden="1" outlineLevel="1">
      <c r="A556" s="1" t="s">
        <v>548</v>
      </c>
      <c r="B556" s="2">
        <v>590</v>
      </c>
      <c r="C556" s="2">
        <v>558</v>
      </c>
      <c r="D556" s="2">
        <v>536</v>
      </c>
      <c r="E556" s="13">
        <v>1620</v>
      </c>
    </row>
    <row r="557" spans="1:5" ht="12.75" hidden="1" outlineLevel="1">
      <c r="A557" s="1" t="s">
        <v>549</v>
      </c>
      <c r="B557" s="2">
        <v>188.8</v>
      </c>
      <c r="C557" s="2">
        <v>178.5</v>
      </c>
      <c r="D557" s="2">
        <v>171.6</v>
      </c>
      <c r="E557" s="13">
        <v>4296</v>
      </c>
    </row>
    <row r="558" spans="1:5" ht="12.75" hidden="1" outlineLevel="1">
      <c r="A558" s="1" t="s">
        <v>550</v>
      </c>
      <c r="B558" s="2">
        <v>396</v>
      </c>
      <c r="C558" s="2">
        <v>375</v>
      </c>
      <c r="D558" s="2">
        <v>360</v>
      </c>
      <c r="E558" s="13">
        <v>7045</v>
      </c>
    </row>
    <row r="559" spans="1:5" ht="12.75" hidden="1" outlineLevel="1">
      <c r="A559" s="1" t="s">
        <v>551</v>
      </c>
      <c r="B559" s="2">
        <v>4245</v>
      </c>
      <c r="C559" s="2">
        <v>4015</v>
      </c>
      <c r="D559" s="2">
        <v>3860</v>
      </c>
      <c r="E559" s="13">
        <v>7047</v>
      </c>
    </row>
    <row r="560" spans="1:5" ht="12.75" hidden="1" outlineLevel="1">
      <c r="A560" s="1" t="s">
        <v>552</v>
      </c>
      <c r="B560" s="2">
        <v>425</v>
      </c>
      <c r="C560" s="2">
        <v>402</v>
      </c>
      <c r="D560" s="2">
        <v>386</v>
      </c>
      <c r="E560" s="13">
        <v>10008</v>
      </c>
    </row>
    <row r="561" spans="1:5" ht="19.5" hidden="1" outlineLevel="1">
      <c r="A561" s="1" t="s">
        <v>553</v>
      </c>
      <c r="B561" s="2">
        <v>590</v>
      </c>
      <c r="C561" s="2">
        <v>558</v>
      </c>
      <c r="D561" s="2">
        <v>536</v>
      </c>
      <c r="E561" s="13">
        <v>7245</v>
      </c>
    </row>
    <row r="562" spans="1:5" ht="12.75" hidden="1" outlineLevel="1">
      <c r="A562" s="1" t="s">
        <v>554</v>
      </c>
      <c r="B562" s="2">
        <v>649</v>
      </c>
      <c r="C562" s="2">
        <v>614</v>
      </c>
      <c r="D562" s="2">
        <v>590</v>
      </c>
      <c r="E562" s="13">
        <v>1766</v>
      </c>
    </row>
    <row r="563" spans="1:5" ht="12.75" hidden="1" outlineLevel="1">
      <c r="A563" s="1" t="s">
        <v>555</v>
      </c>
      <c r="B563" s="2">
        <v>2125</v>
      </c>
      <c r="C563" s="2">
        <v>2010</v>
      </c>
      <c r="D563" s="2">
        <v>1930</v>
      </c>
      <c r="E563" s="13">
        <v>7037</v>
      </c>
    </row>
    <row r="564" spans="1:5" ht="12.75" hidden="1" outlineLevel="1">
      <c r="A564" s="1" t="s">
        <v>556</v>
      </c>
      <c r="B564" s="2">
        <v>1650</v>
      </c>
      <c r="C564" s="2">
        <v>1560</v>
      </c>
      <c r="D564" s="2">
        <v>1500</v>
      </c>
      <c r="E564" s="13">
        <v>7038</v>
      </c>
    </row>
    <row r="565" spans="1:5" ht="12.75" hidden="1" outlineLevel="1">
      <c r="A565" s="1" t="s">
        <v>557</v>
      </c>
      <c r="B565" s="2">
        <v>1650</v>
      </c>
      <c r="C565" s="2">
        <v>1560</v>
      </c>
      <c r="D565" s="2">
        <v>1500</v>
      </c>
      <c r="E565" s="13">
        <v>7040</v>
      </c>
    </row>
    <row r="566" spans="1:5" ht="12.75" hidden="1" outlineLevel="1">
      <c r="A566" s="1" t="s">
        <v>558</v>
      </c>
      <c r="B566" s="2">
        <v>1650</v>
      </c>
      <c r="C566" s="2">
        <v>1560</v>
      </c>
      <c r="D566" s="2">
        <v>1500</v>
      </c>
      <c r="E566" s="13">
        <v>7039</v>
      </c>
    </row>
    <row r="567" spans="1:5" ht="12.75" hidden="1" outlineLevel="1">
      <c r="A567" s="1" t="s">
        <v>559</v>
      </c>
      <c r="B567" s="2">
        <v>1415</v>
      </c>
      <c r="C567" s="2">
        <v>1340</v>
      </c>
      <c r="D567" s="2">
        <v>1285</v>
      </c>
      <c r="E567" s="13">
        <v>6694</v>
      </c>
    </row>
    <row r="568" spans="1:5" ht="12.75" hidden="1" outlineLevel="1">
      <c r="A568" s="1" t="s">
        <v>560</v>
      </c>
      <c r="B568" s="2">
        <v>1225</v>
      </c>
      <c r="C568" s="2">
        <v>1160</v>
      </c>
      <c r="D568" s="2">
        <v>1115</v>
      </c>
      <c r="E568" s="13">
        <v>6697</v>
      </c>
    </row>
    <row r="569" spans="1:5" ht="12.75" hidden="1" outlineLevel="1">
      <c r="A569" s="1" t="s">
        <v>561</v>
      </c>
      <c r="B569" s="2">
        <v>1225</v>
      </c>
      <c r="C569" s="2">
        <v>1160</v>
      </c>
      <c r="D569" s="2">
        <v>1115</v>
      </c>
      <c r="E569" s="13">
        <v>6698</v>
      </c>
    </row>
    <row r="570" spans="1:5" ht="12.75" hidden="1" outlineLevel="1">
      <c r="A570" s="1" t="s">
        <v>562</v>
      </c>
      <c r="B570" s="2">
        <v>1225</v>
      </c>
      <c r="C570" s="2">
        <v>1160</v>
      </c>
      <c r="D570" s="2">
        <v>1115</v>
      </c>
      <c r="E570" s="13">
        <v>6696</v>
      </c>
    </row>
    <row r="571" spans="1:5" ht="12.75" hidden="1" outlineLevel="1">
      <c r="A571" s="1" t="s">
        <v>563</v>
      </c>
      <c r="B571" s="2">
        <v>2830</v>
      </c>
      <c r="C571" s="2">
        <v>2675</v>
      </c>
      <c r="D571" s="2">
        <v>2575</v>
      </c>
      <c r="E571" s="13">
        <v>7044</v>
      </c>
    </row>
    <row r="572" spans="1:5" ht="12.75" hidden="1" outlineLevel="1">
      <c r="A572" s="1" t="s">
        <v>564</v>
      </c>
      <c r="B572" s="2">
        <v>1465</v>
      </c>
      <c r="C572" s="2">
        <v>1385</v>
      </c>
      <c r="D572" s="2">
        <v>1330</v>
      </c>
      <c r="E572" s="13">
        <v>6973</v>
      </c>
    </row>
    <row r="573" spans="1:5" ht="12.75" hidden="1" outlineLevel="1">
      <c r="A573" s="1" t="s">
        <v>565</v>
      </c>
      <c r="B573" s="2">
        <v>1465</v>
      </c>
      <c r="C573" s="2">
        <v>1385</v>
      </c>
      <c r="D573" s="2">
        <v>1330</v>
      </c>
      <c r="E573" s="13">
        <v>7266</v>
      </c>
    </row>
    <row r="574" spans="1:5" ht="12.75" hidden="1" outlineLevel="1">
      <c r="A574" s="1" t="s">
        <v>566</v>
      </c>
      <c r="B574" s="2">
        <v>1465</v>
      </c>
      <c r="C574" s="2">
        <v>1385</v>
      </c>
      <c r="D574" s="2">
        <v>1330</v>
      </c>
      <c r="E574" s="13">
        <v>7268</v>
      </c>
    </row>
    <row r="575" spans="1:5" ht="12.75" hidden="1" outlineLevel="1">
      <c r="A575" s="1" t="s">
        <v>567</v>
      </c>
      <c r="B575" s="2">
        <v>4245</v>
      </c>
      <c r="C575" s="2">
        <v>4015</v>
      </c>
      <c r="D575" s="2">
        <v>3860</v>
      </c>
      <c r="E575" s="13">
        <v>6975</v>
      </c>
    </row>
    <row r="576" spans="1:5" ht="12.75" hidden="1" outlineLevel="1">
      <c r="A576" s="1" t="s">
        <v>568</v>
      </c>
      <c r="B576" s="2">
        <v>4245</v>
      </c>
      <c r="C576" s="2">
        <v>4015</v>
      </c>
      <c r="D576" s="2">
        <v>3860</v>
      </c>
      <c r="E576" s="13">
        <v>6977</v>
      </c>
    </row>
    <row r="577" spans="1:5" ht="12.75" hidden="1" outlineLevel="1">
      <c r="A577" s="1" t="s">
        <v>569</v>
      </c>
      <c r="B577" s="2">
        <v>4245</v>
      </c>
      <c r="C577" s="2">
        <v>4015</v>
      </c>
      <c r="D577" s="2">
        <v>3860</v>
      </c>
      <c r="E577" s="13">
        <v>6976</v>
      </c>
    </row>
    <row r="578" spans="1:5" ht="12.75" hidden="1" outlineLevel="1">
      <c r="A578" s="1" t="s">
        <v>570</v>
      </c>
      <c r="B578" s="2">
        <v>2360</v>
      </c>
      <c r="C578" s="2">
        <v>2230</v>
      </c>
      <c r="D578" s="2">
        <v>2145</v>
      </c>
      <c r="E578" s="13">
        <v>3573</v>
      </c>
    </row>
    <row r="579" spans="1:5" ht="12.75" hidden="1" outlineLevel="1">
      <c r="A579" s="1" t="s">
        <v>571</v>
      </c>
      <c r="B579" s="2">
        <v>2360</v>
      </c>
      <c r="C579" s="2">
        <v>2230</v>
      </c>
      <c r="D579" s="2">
        <v>2145</v>
      </c>
      <c r="E579" s="13">
        <v>4352</v>
      </c>
    </row>
    <row r="580" spans="1:5" ht="12.75" hidden="1" outlineLevel="1">
      <c r="A580" s="1" t="s">
        <v>572</v>
      </c>
      <c r="B580" s="2">
        <v>3305</v>
      </c>
      <c r="C580" s="2">
        <v>3125</v>
      </c>
      <c r="D580" s="2">
        <v>3005</v>
      </c>
      <c r="E580" s="13">
        <v>7537</v>
      </c>
    </row>
    <row r="581" spans="1:5" ht="12.75" hidden="1" outlineLevel="1">
      <c r="A581" s="1" t="s">
        <v>573</v>
      </c>
      <c r="B581" s="2">
        <v>26430</v>
      </c>
      <c r="C581" s="2">
        <v>24980</v>
      </c>
      <c r="D581" s="2">
        <v>24020</v>
      </c>
      <c r="E581" s="13">
        <v>7378</v>
      </c>
    </row>
    <row r="582" spans="1:5" ht="12.75" hidden="1" outlineLevel="1">
      <c r="A582" s="1" t="s">
        <v>574</v>
      </c>
      <c r="B582" s="2">
        <v>26430</v>
      </c>
      <c r="C582" s="2">
        <v>24980</v>
      </c>
      <c r="D582" s="2">
        <v>24020</v>
      </c>
      <c r="E582" s="13">
        <v>7380</v>
      </c>
    </row>
    <row r="583" spans="1:5" ht="12.75" hidden="1" outlineLevel="1">
      <c r="A583" s="1" t="s">
        <v>575</v>
      </c>
      <c r="B583" s="2">
        <v>26430</v>
      </c>
      <c r="C583" s="2">
        <v>24980</v>
      </c>
      <c r="D583" s="2">
        <v>24020</v>
      </c>
      <c r="E583" s="13">
        <v>7379</v>
      </c>
    </row>
    <row r="584" spans="1:5" ht="12.75" hidden="1" outlineLevel="1">
      <c r="A584" s="1" t="s">
        <v>576</v>
      </c>
      <c r="B584" s="2">
        <v>1825</v>
      </c>
      <c r="C584" s="2">
        <v>1725</v>
      </c>
      <c r="D584" s="2">
        <v>1660</v>
      </c>
      <c r="E584" s="13">
        <v>3833</v>
      </c>
    </row>
    <row r="585" spans="1:5" ht="12.75" hidden="1" outlineLevel="1">
      <c r="A585" s="1" t="s">
        <v>577</v>
      </c>
      <c r="B585" s="2">
        <v>1825</v>
      </c>
      <c r="C585" s="2">
        <v>1725</v>
      </c>
      <c r="D585" s="2">
        <v>1660</v>
      </c>
      <c r="E585" s="13">
        <v>9848</v>
      </c>
    </row>
    <row r="586" spans="1:5" ht="12.75" hidden="1" outlineLevel="1">
      <c r="A586" s="1" t="s">
        <v>578</v>
      </c>
      <c r="B586" s="2">
        <v>1745</v>
      </c>
      <c r="C586" s="2">
        <v>1650</v>
      </c>
      <c r="D586" s="2">
        <v>1585</v>
      </c>
      <c r="E586" s="13">
        <v>8098</v>
      </c>
    </row>
    <row r="587" spans="1:5" ht="19.5" hidden="1" outlineLevel="1">
      <c r="A587" s="1" t="s">
        <v>579</v>
      </c>
      <c r="B587" s="2">
        <v>6700</v>
      </c>
      <c r="C587" s="2">
        <v>6335</v>
      </c>
      <c r="D587" s="2">
        <v>6090</v>
      </c>
      <c r="E587" s="13">
        <v>8747</v>
      </c>
    </row>
    <row r="588" spans="1:5" ht="12.75" hidden="1" outlineLevel="1">
      <c r="A588" s="1" t="s">
        <v>580</v>
      </c>
      <c r="B588" s="2">
        <v>2360</v>
      </c>
      <c r="C588" s="2">
        <v>2230</v>
      </c>
      <c r="D588" s="2">
        <v>2145</v>
      </c>
      <c r="E588" s="13">
        <v>5093</v>
      </c>
    </row>
    <row r="589" spans="1:5" ht="12.75" hidden="1" outlineLevel="1">
      <c r="A589" s="1" t="s">
        <v>581</v>
      </c>
      <c r="B589" s="2">
        <v>9440</v>
      </c>
      <c r="C589" s="2">
        <v>8925</v>
      </c>
      <c r="D589" s="2">
        <v>8580</v>
      </c>
      <c r="E589" s="13">
        <v>8524</v>
      </c>
    </row>
    <row r="590" spans="1:5" ht="19.5" hidden="1" outlineLevel="1">
      <c r="A590" s="1" t="s">
        <v>582</v>
      </c>
      <c r="B590" s="2">
        <v>2125</v>
      </c>
      <c r="C590" s="2">
        <v>2010</v>
      </c>
      <c r="D590" s="2">
        <v>1930</v>
      </c>
      <c r="E590" s="13">
        <v>8401</v>
      </c>
    </row>
    <row r="591" spans="1:5" ht="12.75" hidden="1" outlineLevel="1">
      <c r="A591" s="1" t="s">
        <v>583</v>
      </c>
      <c r="B591" s="2">
        <v>4010</v>
      </c>
      <c r="C591" s="2">
        <v>3790</v>
      </c>
      <c r="D591" s="2">
        <v>3645</v>
      </c>
      <c r="E591" s="13">
        <v>8396</v>
      </c>
    </row>
    <row r="592" spans="1:5" ht="12.75" hidden="1" outlineLevel="1">
      <c r="A592" s="1" t="s">
        <v>584</v>
      </c>
      <c r="B592" s="2">
        <v>5665</v>
      </c>
      <c r="C592" s="2">
        <v>5355</v>
      </c>
      <c r="D592" s="2">
        <v>5150</v>
      </c>
      <c r="E592" s="13">
        <v>3439</v>
      </c>
    </row>
    <row r="593" spans="1:5" ht="12.75" hidden="1" outlineLevel="1">
      <c r="A593" s="1" t="s">
        <v>585</v>
      </c>
      <c r="B593" s="2">
        <v>5190</v>
      </c>
      <c r="C593" s="2">
        <v>4910</v>
      </c>
      <c r="D593" s="2">
        <v>4720</v>
      </c>
      <c r="E593" s="13">
        <v>8312</v>
      </c>
    </row>
    <row r="594" spans="1:5" ht="12.75" hidden="1" outlineLevel="1">
      <c r="A594" s="1" t="s">
        <v>586</v>
      </c>
      <c r="B594" s="2">
        <v>2125</v>
      </c>
      <c r="C594" s="2">
        <v>2010</v>
      </c>
      <c r="D594" s="2">
        <v>1930</v>
      </c>
      <c r="E594" s="13">
        <v>8400</v>
      </c>
    </row>
    <row r="595" spans="1:5" ht="12.75" hidden="1" outlineLevel="1">
      <c r="A595" s="1" t="s">
        <v>587</v>
      </c>
      <c r="B595" s="2">
        <v>3775</v>
      </c>
      <c r="C595" s="2">
        <v>3570</v>
      </c>
      <c r="D595" s="2">
        <v>3430</v>
      </c>
      <c r="E595" s="13">
        <v>8525</v>
      </c>
    </row>
    <row r="596" spans="1:5" ht="12.75" hidden="1" outlineLevel="1">
      <c r="A596" s="1" t="s">
        <v>588</v>
      </c>
      <c r="B596" s="2">
        <v>9440</v>
      </c>
      <c r="C596" s="2">
        <v>8925</v>
      </c>
      <c r="D596" s="2">
        <v>8580</v>
      </c>
      <c r="E596" s="13">
        <v>9593</v>
      </c>
    </row>
    <row r="597" spans="1:5" ht="12.75" hidden="1" outlineLevel="1">
      <c r="A597" s="1" t="s">
        <v>589</v>
      </c>
      <c r="B597" s="2">
        <v>7550</v>
      </c>
      <c r="C597" s="2">
        <v>7140</v>
      </c>
      <c r="D597" s="2">
        <v>6865</v>
      </c>
      <c r="E597" s="13">
        <v>8527</v>
      </c>
    </row>
    <row r="598" spans="1:5" ht="12.75" hidden="1" outlineLevel="1">
      <c r="A598" s="1" t="s">
        <v>590</v>
      </c>
      <c r="B598" s="2">
        <v>5665</v>
      </c>
      <c r="C598" s="2">
        <v>5355</v>
      </c>
      <c r="D598" s="2">
        <v>5150</v>
      </c>
      <c r="E598" s="13">
        <v>8724</v>
      </c>
    </row>
    <row r="599" spans="1:5" ht="12.75" hidden="1" outlineLevel="1">
      <c r="A599" s="1" t="s">
        <v>591</v>
      </c>
      <c r="B599" s="2">
        <v>11330</v>
      </c>
      <c r="C599" s="2">
        <v>10710</v>
      </c>
      <c r="D599" s="2">
        <v>10300</v>
      </c>
      <c r="E599" s="13">
        <v>8526</v>
      </c>
    </row>
    <row r="600" spans="1:5" ht="12.75" hidden="1" outlineLevel="1">
      <c r="A600" s="1" t="s">
        <v>592</v>
      </c>
      <c r="B600" s="2">
        <v>4485</v>
      </c>
      <c r="C600" s="2">
        <v>4240</v>
      </c>
      <c r="D600" s="2">
        <v>4075</v>
      </c>
      <c r="E600" s="13">
        <v>8723</v>
      </c>
    </row>
    <row r="601" spans="1:5" ht="12.75" hidden="1" outlineLevel="1">
      <c r="A601" s="1" t="s">
        <v>593</v>
      </c>
      <c r="B601" s="2">
        <v>1510</v>
      </c>
      <c r="C601" s="2">
        <v>1430</v>
      </c>
      <c r="D601" s="2">
        <v>1375</v>
      </c>
      <c r="E601" s="13">
        <v>9368</v>
      </c>
    </row>
    <row r="602" spans="1:5" ht="12.75" hidden="1" outlineLevel="1">
      <c r="A602" s="1" t="s">
        <v>594</v>
      </c>
      <c r="B602" s="2">
        <v>12030</v>
      </c>
      <c r="C602" s="2">
        <v>11380</v>
      </c>
      <c r="D602" s="2">
        <v>10940</v>
      </c>
      <c r="E602" s="13">
        <v>8399</v>
      </c>
    </row>
    <row r="603" spans="1:5" ht="19.5" hidden="1" outlineLevel="1">
      <c r="A603" s="1" t="s">
        <v>595</v>
      </c>
      <c r="B603" s="2">
        <v>11330</v>
      </c>
      <c r="C603" s="2">
        <v>10710</v>
      </c>
      <c r="D603" s="2">
        <v>10300</v>
      </c>
      <c r="E603" s="13">
        <v>1517</v>
      </c>
    </row>
    <row r="604" spans="1:5" ht="12.75" hidden="1" outlineLevel="1">
      <c r="A604" s="1" t="s">
        <v>596</v>
      </c>
      <c r="B604" s="2">
        <v>16520</v>
      </c>
      <c r="C604" s="2">
        <v>15620</v>
      </c>
      <c r="D604" s="2">
        <v>15020</v>
      </c>
      <c r="E604" s="13">
        <v>8901</v>
      </c>
    </row>
    <row r="605" spans="1:5" ht="12.75" hidden="1" outlineLevel="1">
      <c r="A605" s="1" t="s">
        <v>597</v>
      </c>
      <c r="B605" s="2">
        <v>16520</v>
      </c>
      <c r="C605" s="2">
        <v>15620</v>
      </c>
      <c r="D605" s="2">
        <v>15020</v>
      </c>
      <c r="E605" s="13">
        <v>9372</v>
      </c>
    </row>
    <row r="606" spans="1:5" ht="12.75" hidden="1" outlineLevel="1">
      <c r="A606" s="1" t="s">
        <v>598</v>
      </c>
      <c r="B606" s="2">
        <v>16520</v>
      </c>
      <c r="C606" s="2">
        <v>15620</v>
      </c>
      <c r="D606" s="2">
        <v>15020</v>
      </c>
      <c r="E606" s="13">
        <v>9370</v>
      </c>
    </row>
    <row r="607" spans="1:5" ht="12.75" hidden="1" outlineLevel="1">
      <c r="A607" s="1" t="s">
        <v>599</v>
      </c>
      <c r="B607" s="2">
        <v>472</v>
      </c>
      <c r="C607" s="2">
        <v>446</v>
      </c>
      <c r="D607" s="2">
        <v>429</v>
      </c>
      <c r="E607" s="13">
        <v>910</v>
      </c>
    </row>
    <row r="608" spans="1:5" ht="12.75" hidden="1" outlineLevel="1">
      <c r="A608" s="1" t="s">
        <v>600</v>
      </c>
      <c r="B608" s="2">
        <v>472</v>
      </c>
      <c r="C608" s="2">
        <v>446</v>
      </c>
      <c r="D608" s="2">
        <v>429</v>
      </c>
      <c r="E608" s="13">
        <v>907</v>
      </c>
    </row>
    <row r="609" spans="1:5" ht="12.75" hidden="1" outlineLevel="1">
      <c r="A609" s="1" t="s">
        <v>601</v>
      </c>
      <c r="B609" s="2">
        <v>472</v>
      </c>
      <c r="C609" s="2">
        <v>446</v>
      </c>
      <c r="D609" s="2">
        <v>429</v>
      </c>
      <c r="E609" s="13">
        <v>905</v>
      </c>
    </row>
    <row r="610" spans="1:5" ht="12.75" hidden="1" outlineLevel="1">
      <c r="A610" s="1" t="s">
        <v>602</v>
      </c>
      <c r="B610" s="2">
        <v>945</v>
      </c>
      <c r="C610" s="2">
        <v>890</v>
      </c>
      <c r="D610" s="2">
        <v>860</v>
      </c>
      <c r="E610" s="13">
        <v>112</v>
      </c>
    </row>
    <row r="611" spans="1:5" ht="12.75" hidden="1" outlineLevel="1">
      <c r="A611" s="1" t="s">
        <v>603</v>
      </c>
      <c r="B611" s="2">
        <v>710</v>
      </c>
      <c r="C611" s="2">
        <v>669</v>
      </c>
      <c r="D611" s="2">
        <v>644</v>
      </c>
      <c r="E611" s="13">
        <v>120</v>
      </c>
    </row>
    <row r="612" spans="1:5" ht="12.75" hidden="1" outlineLevel="1">
      <c r="A612" s="1" t="s">
        <v>604</v>
      </c>
      <c r="B612" s="2">
        <v>710</v>
      </c>
      <c r="C612" s="2">
        <v>669</v>
      </c>
      <c r="D612" s="2">
        <v>644</v>
      </c>
      <c r="E612" s="13">
        <v>580</v>
      </c>
    </row>
    <row r="613" spans="1:5" ht="12.75" hidden="1" outlineLevel="1">
      <c r="A613" s="1" t="s">
        <v>605</v>
      </c>
      <c r="B613" s="2">
        <v>710</v>
      </c>
      <c r="C613" s="2">
        <v>669</v>
      </c>
      <c r="D613" s="2">
        <v>644</v>
      </c>
      <c r="E613" s="13">
        <v>912</v>
      </c>
    </row>
    <row r="614" spans="1:5" ht="12.75" hidden="1" outlineLevel="1">
      <c r="A614" s="1" t="s">
        <v>606</v>
      </c>
      <c r="B614" s="2">
        <v>3065</v>
      </c>
      <c r="C614" s="2">
        <v>2900</v>
      </c>
      <c r="D614" s="2">
        <v>2790</v>
      </c>
      <c r="E614" s="13">
        <v>3637</v>
      </c>
    </row>
    <row r="615" spans="1:5" ht="12.75" hidden="1" outlineLevel="1">
      <c r="A615" s="1" t="s">
        <v>607</v>
      </c>
      <c r="B615" s="2">
        <v>1890</v>
      </c>
      <c r="C615" s="2">
        <v>1785</v>
      </c>
      <c r="D615" s="2">
        <v>1715</v>
      </c>
      <c r="E615" s="13">
        <v>7785</v>
      </c>
    </row>
    <row r="616" spans="1:5" ht="12.75" hidden="1" outlineLevel="1">
      <c r="A616" s="1" t="s">
        <v>608</v>
      </c>
      <c r="B616" s="2">
        <v>1650</v>
      </c>
      <c r="C616" s="2">
        <v>1560</v>
      </c>
      <c r="D616" s="2">
        <v>1500</v>
      </c>
      <c r="E616" s="13">
        <v>911</v>
      </c>
    </row>
    <row r="617" spans="1:5" ht="12.75" hidden="1" outlineLevel="1">
      <c r="A617" s="1" t="s">
        <v>609</v>
      </c>
      <c r="B617" s="2">
        <v>6605</v>
      </c>
      <c r="C617" s="2">
        <v>6245</v>
      </c>
      <c r="D617" s="2">
        <v>6005</v>
      </c>
      <c r="E617" s="13">
        <v>7450</v>
      </c>
    </row>
    <row r="618" spans="1:5" ht="12.75" hidden="1" outlineLevel="1">
      <c r="A618" s="1" t="s">
        <v>610</v>
      </c>
      <c r="B618" s="2">
        <v>4245</v>
      </c>
      <c r="C618" s="2">
        <v>4015</v>
      </c>
      <c r="D618" s="2">
        <v>3860</v>
      </c>
      <c r="E618" s="13">
        <v>8005</v>
      </c>
    </row>
    <row r="619" spans="1:5" ht="12.75" hidden="1" outlineLevel="1">
      <c r="A619" s="1" t="s">
        <v>611</v>
      </c>
      <c r="B619" s="2">
        <v>1890</v>
      </c>
      <c r="C619" s="2">
        <v>1785</v>
      </c>
      <c r="D619" s="2">
        <v>1715</v>
      </c>
      <c r="E619" s="13">
        <v>6443</v>
      </c>
    </row>
    <row r="620" spans="1:5" ht="12.75" hidden="1" outlineLevel="1">
      <c r="A620" s="1" t="s">
        <v>612</v>
      </c>
      <c r="B620" s="2">
        <v>11800</v>
      </c>
      <c r="C620" s="2">
        <v>11150</v>
      </c>
      <c r="D620" s="2">
        <v>10730</v>
      </c>
      <c r="E620" s="13">
        <v>9505</v>
      </c>
    </row>
    <row r="621" spans="1:5" ht="12.75" hidden="1" outlineLevel="1">
      <c r="A621" s="1" t="s">
        <v>613</v>
      </c>
      <c r="B621" s="2">
        <v>1205</v>
      </c>
      <c r="C621" s="2">
        <v>1140</v>
      </c>
      <c r="D621" s="2">
        <v>1095</v>
      </c>
      <c r="E621" s="13">
        <v>4028</v>
      </c>
    </row>
    <row r="622" spans="1:5" ht="12.75" hidden="1" outlineLevel="1">
      <c r="A622" s="1" t="s">
        <v>614</v>
      </c>
      <c r="B622" s="2">
        <v>2125</v>
      </c>
      <c r="C622" s="2">
        <v>2010</v>
      </c>
      <c r="D622" s="2">
        <v>1930</v>
      </c>
      <c r="E622" s="13">
        <v>3235</v>
      </c>
    </row>
    <row r="623" spans="1:5" ht="12.75" hidden="1" outlineLevel="1">
      <c r="A623" s="1" t="s">
        <v>615</v>
      </c>
      <c r="B623" s="2">
        <v>3065</v>
      </c>
      <c r="C623" s="2">
        <v>2900</v>
      </c>
      <c r="D623" s="2">
        <v>2790</v>
      </c>
      <c r="E623" s="13">
        <v>7516</v>
      </c>
    </row>
    <row r="624" spans="1:5" ht="12.75" hidden="1" outlineLevel="1">
      <c r="A624" s="1" t="s">
        <v>616</v>
      </c>
      <c r="B624" s="2">
        <v>7080</v>
      </c>
      <c r="C624" s="2">
        <v>6690</v>
      </c>
      <c r="D624" s="2">
        <v>6435</v>
      </c>
      <c r="E624" s="13">
        <v>7909</v>
      </c>
    </row>
    <row r="625" spans="1:5" ht="12.75" hidden="1" outlineLevel="1">
      <c r="A625" s="1" t="s">
        <v>617</v>
      </c>
      <c r="B625" s="2">
        <v>1415</v>
      </c>
      <c r="C625" s="2">
        <v>1340</v>
      </c>
      <c r="D625" s="2">
        <v>1285</v>
      </c>
      <c r="E625" s="13">
        <v>10081</v>
      </c>
    </row>
    <row r="626" spans="1:5" ht="12.75" hidden="1" outlineLevel="1">
      <c r="A626" s="1" t="s">
        <v>618</v>
      </c>
      <c r="B626" s="2">
        <v>2830</v>
      </c>
      <c r="C626" s="2">
        <v>2675</v>
      </c>
      <c r="D626" s="2">
        <v>2575</v>
      </c>
      <c r="E626" s="13">
        <v>577</v>
      </c>
    </row>
    <row r="627" spans="1:5" ht="19.5" hidden="1" outlineLevel="1">
      <c r="A627" s="1" t="s">
        <v>619</v>
      </c>
      <c r="B627" s="2">
        <v>1415</v>
      </c>
      <c r="C627" s="2">
        <v>1340</v>
      </c>
      <c r="D627" s="2">
        <v>1285</v>
      </c>
      <c r="E627" s="13">
        <v>948</v>
      </c>
    </row>
    <row r="628" spans="1:5" ht="12.75" hidden="1" outlineLevel="1">
      <c r="A628" s="1" t="s">
        <v>620</v>
      </c>
      <c r="B628" s="2">
        <v>236</v>
      </c>
      <c r="C628" s="2">
        <v>223.1</v>
      </c>
      <c r="D628" s="2">
        <v>214.5</v>
      </c>
      <c r="E628" s="13">
        <v>576</v>
      </c>
    </row>
    <row r="629" spans="1:5" ht="12.75" hidden="1" outlineLevel="1">
      <c r="A629" s="1" t="s">
        <v>621</v>
      </c>
      <c r="B629" s="2">
        <v>710</v>
      </c>
      <c r="C629" s="2">
        <v>669</v>
      </c>
      <c r="D629" s="2">
        <v>644</v>
      </c>
      <c r="E629" s="13">
        <v>575</v>
      </c>
    </row>
    <row r="630" spans="1:5" ht="12.75" hidden="1" outlineLevel="1">
      <c r="A630" s="1" t="s">
        <v>622</v>
      </c>
      <c r="B630" s="2">
        <v>945</v>
      </c>
      <c r="C630" s="2">
        <v>890</v>
      </c>
      <c r="D630" s="2">
        <v>860</v>
      </c>
      <c r="E630" s="13">
        <v>1777</v>
      </c>
    </row>
    <row r="631" spans="1:5" ht="12.75" hidden="1" outlineLevel="1">
      <c r="A631" s="1" t="s">
        <v>623</v>
      </c>
      <c r="B631" s="2">
        <v>543</v>
      </c>
      <c r="C631" s="2">
        <v>513</v>
      </c>
      <c r="D631" s="2">
        <v>493</v>
      </c>
      <c r="E631" s="13">
        <v>5941</v>
      </c>
    </row>
    <row r="632" spans="1:5" ht="12.75" hidden="1" outlineLevel="1">
      <c r="A632" s="1" t="s">
        <v>624</v>
      </c>
      <c r="B632" s="2">
        <v>543</v>
      </c>
      <c r="C632" s="2">
        <v>513</v>
      </c>
      <c r="D632" s="2">
        <v>493</v>
      </c>
      <c r="E632" s="13">
        <v>3270</v>
      </c>
    </row>
    <row r="633" spans="1:5" ht="12.75" hidden="1" outlineLevel="1">
      <c r="A633" s="1" t="s">
        <v>625</v>
      </c>
      <c r="B633" s="2">
        <v>3775</v>
      </c>
      <c r="C633" s="2">
        <v>3570</v>
      </c>
      <c r="D633" s="2">
        <v>3430</v>
      </c>
      <c r="E633" s="13">
        <v>904</v>
      </c>
    </row>
    <row r="634" spans="1:5" ht="12.75" hidden="1" outlineLevel="1">
      <c r="A634" s="1" t="s">
        <v>626</v>
      </c>
      <c r="B634" s="2">
        <v>4245</v>
      </c>
      <c r="C634" s="2">
        <v>4015</v>
      </c>
      <c r="D634" s="2">
        <v>3860</v>
      </c>
      <c r="E634" s="13">
        <v>6641</v>
      </c>
    </row>
    <row r="635" spans="1:5" ht="12.75" hidden="1" outlineLevel="1">
      <c r="A635" s="1" t="s">
        <v>627</v>
      </c>
      <c r="B635" s="2">
        <v>3775</v>
      </c>
      <c r="C635" s="2">
        <v>3570</v>
      </c>
      <c r="D635" s="2">
        <v>3430</v>
      </c>
      <c r="E635" s="13">
        <v>5267</v>
      </c>
    </row>
    <row r="636" spans="1:5" ht="12.75" hidden="1" outlineLevel="1">
      <c r="A636" s="1" t="s">
        <v>628</v>
      </c>
      <c r="B636" s="2">
        <v>3775</v>
      </c>
      <c r="C636" s="2">
        <v>3570</v>
      </c>
      <c r="D636" s="2">
        <v>3430</v>
      </c>
      <c r="E636" s="13">
        <v>3614</v>
      </c>
    </row>
    <row r="637" spans="1:5" ht="12.75" hidden="1" outlineLevel="1">
      <c r="A637" s="1" t="s">
        <v>629</v>
      </c>
      <c r="B637" s="2">
        <v>3775</v>
      </c>
      <c r="C637" s="2">
        <v>3570</v>
      </c>
      <c r="D637" s="2">
        <v>3430</v>
      </c>
      <c r="E637" s="13">
        <v>6642</v>
      </c>
    </row>
    <row r="638" spans="1:5" ht="19.5" hidden="1" outlineLevel="1">
      <c r="A638" s="1" t="s">
        <v>630</v>
      </c>
      <c r="B638" s="2">
        <v>10380</v>
      </c>
      <c r="C638" s="2">
        <v>9815</v>
      </c>
      <c r="D638" s="2">
        <v>9440</v>
      </c>
      <c r="E638" s="13">
        <v>4281</v>
      </c>
    </row>
    <row r="639" spans="1:5" ht="12.75" hidden="1" outlineLevel="1">
      <c r="A639" s="1" t="s">
        <v>631</v>
      </c>
      <c r="B639" s="2">
        <v>10380</v>
      </c>
      <c r="C639" s="2">
        <v>9815</v>
      </c>
      <c r="D639" s="2">
        <v>9440</v>
      </c>
      <c r="E639" s="13">
        <v>579</v>
      </c>
    </row>
    <row r="640" spans="1:5" ht="19.5" hidden="1" outlineLevel="1">
      <c r="A640" s="1" t="s">
        <v>632</v>
      </c>
      <c r="B640" s="2">
        <v>472</v>
      </c>
      <c r="C640" s="2">
        <v>446</v>
      </c>
      <c r="D640" s="2">
        <v>429</v>
      </c>
      <c r="E640" s="13">
        <v>564</v>
      </c>
    </row>
    <row r="641" spans="1:5" ht="12.75" hidden="1" outlineLevel="1">
      <c r="A641" s="1" t="s">
        <v>633</v>
      </c>
      <c r="B641" s="2">
        <v>2360</v>
      </c>
      <c r="C641" s="2">
        <v>2230</v>
      </c>
      <c r="D641" s="2">
        <v>2145</v>
      </c>
      <c r="E641" s="13">
        <v>549</v>
      </c>
    </row>
    <row r="642" spans="1:5" ht="12.75" hidden="1" outlineLevel="1">
      <c r="A642" s="1" t="s">
        <v>634</v>
      </c>
      <c r="B642" s="2">
        <v>5665</v>
      </c>
      <c r="C642" s="2">
        <v>5355</v>
      </c>
      <c r="D642" s="2">
        <v>5150</v>
      </c>
      <c r="E642" s="13">
        <v>1614</v>
      </c>
    </row>
    <row r="643" spans="1:5" ht="12.75" hidden="1" outlineLevel="1">
      <c r="A643" s="1" t="s">
        <v>635</v>
      </c>
      <c r="B643" s="2">
        <v>10380</v>
      </c>
      <c r="C643" s="2">
        <v>9815</v>
      </c>
      <c r="D643" s="2">
        <v>9440</v>
      </c>
      <c r="E643" s="13">
        <v>7493</v>
      </c>
    </row>
    <row r="644" spans="1:5" ht="19.5" hidden="1" outlineLevel="1">
      <c r="A644" s="1" t="s">
        <v>636</v>
      </c>
      <c r="B644" s="2">
        <v>1650</v>
      </c>
      <c r="C644" s="2">
        <v>1560</v>
      </c>
      <c r="D644" s="2">
        <v>1500</v>
      </c>
      <c r="E644" s="13">
        <v>103</v>
      </c>
    </row>
    <row r="645" spans="1:5" ht="12.75" hidden="1" outlineLevel="1">
      <c r="A645" s="1" t="s">
        <v>637</v>
      </c>
      <c r="B645" s="2">
        <v>2360</v>
      </c>
      <c r="C645" s="2">
        <v>2230</v>
      </c>
      <c r="D645" s="2">
        <v>2145</v>
      </c>
      <c r="E645" s="13">
        <v>6000</v>
      </c>
    </row>
    <row r="646" spans="1:5" ht="12.75" hidden="1" outlineLevel="1">
      <c r="A646" s="1" t="s">
        <v>638</v>
      </c>
      <c r="B646" s="2">
        <v>2360</v>
      </c>
      <c r="C646" s="2">
        <v>2230</v>
      </c>
      <c r="D646" s="2">
        <v>2145</v>
      </c>
      <c r="E646" s="13">
        <v>3621</v>
      </c>
    </row>
    <row r="647" spans="1:5" ht="12.75" hidden="1" outlineLevel="1">
      <c r="A647" s="1" t="s">
        <v>639</v>
      </c>
      <c r="B647" s="2">
        <v>2360</v>
      </c>
      <c r="C647" s="2">
        <v>2230</v>
      </c>
      <c r="D647" s="2">
        <v>2145</v>
      </c>
      <c r="E647" s="13">
        <v>5238</v>
      </c>
    </row>
    <row r="648" spans="1:5" ht="12.75" hidden="1" outlineLevel="1">
      <c r="A648" s="1" t="s">
        <v>640</v>
      </c>
      <c r="B648" s="2">
        <v>2360</v>
      </c>
      <c r="C648" s="2">
        <v>2230</v>
      </c>
      <c r="D648" s="2">
        <v>2145</v>
      </c>
      <c r="E648" s="13">
        <v>3660</v>
      </c>
    </row>
    <row r="649" spans="1:5" ht="12.75" hidden="1" outlineLevel="1">
      <c r="A649" s="1" t="s">
        <v>641</v>
      </c>
      <c r="B649" s="2">
        <v>1890</v>
      </c>
      <c r="C649" s="2">
        <v>1785</v>
      </c>
      <c r="D649" s="2">
        <v>1715</v>
      </c>
      <c r="E649" s="13">
        <v>3363</v>
      </c>
    </row>
    <row r="650" spans="1:5" ht="12.75" hidden="1" outlineLevel="1">
      <c r="A650" s="1" t="s">
        <v>642</v>
      </c>
      <c r="B650" s="2">
        <v>66070</v>
      </c>
      <c r="C650" s="2">
        <v>62460</v>
      </c>
      <c r="D650" s="2">
        <v>60060</v>
      </c>
      <c r="E650" s="13">
        <v>4996</v>
      </c>
    </row>
    <row r="651" spans="1:5" ht="12.75" hidden="1" outlineLevel="1">
      <c r="A651" s="1" t="s">
        <v>643</v>
      </c>
      <c r="B651" s="2">
        <v>11800</v>
      </c>
      <c r="C651" s="2">
        <v>11150</v>
      </c>
      <c r="D651" s="2">
        <v>10730</v>
      </c>
      <c r="E651" s="13">
        <v>5449</v>
      </c>
    </row>
    <row r="652" spans="1:5" ht="12.75" hidden="1" outlineLevel="1">
      <c r="A652" s="1" t="s">
        <v>644</v>
      </c>
      <c r="B652" s="2">
        <v>9440</v>
      </c>
      <c r="C652" s="2">
        <v>8925</v>
      </c>
      <c r="D652" s="2">
        <v>8580</v>
      </c>
      <c r="E652" s="13">
        <v>1107</v>
      </c>
    </row>
    <row r="653" spans="1:5" ht="12.75" hidden="1" outlineLevel="1">
      <c r="A653" s="1" t="s">
        <v>645</v>
      </c>
      <c r="B653" s="2">
        <v>945</v>
      </c>
      <c r="C653" s="2">
        <v>890</v>
      </c>
      <c r="D653" s="2">
        <v>860</v>
      </c>
      <c r="E653" s="13">
        <v>3227</v>
      </c>
    </row>
    <row r="654" spans="1:5" ht="12.75" hidden="1" outlineLevel="1">
      <c r="A654" s="1" t="s">
        <v>646</v>
      </c>
      <c r="B654" s="2">
        <v>945</v>
      </c>
      <c r="C654" s="2">
        <v>890</v>
      </c>
      <c r="D654" s="2">
        <v>860</v>
      </c>
      <c r="E654" s="13">
        <v>5999</v>
      </c>
    </row>
    <row r="655" spans="1:5" ht="12.75" hidden="1" outlineLevel="1">
      <c r="A655" s="1" t="s">
        <v>647</v>
      </c>
      <c r="B655" s="2">
        <v>2360</v>
      </c>
      <c r="C655" s="2">
        <v>2230</v>
      </c>
      <c r="D655" s="2">
        <v>2145</v>
      </c>
      <c r="E655" s="13">
        <v>3514</v>
      </c>
    </row>
    <row r="656" spans="1:5" ht="12.75" hidden="1" outlineLevel="1">
      <c r="A656" s="1" t="s">
        <v>648</v>
      </c>
      <c r="B656" s="2">
        <v>16520</v>
      </c>
      <c r="C656" s="2">
        <v>15620</v>
      </c>
      <c r="D656" s="2">
        <v>15020</v>
      </c>
      <c r="E656" s="13">
        <v>8694</v>
      </c>
    </row>
    <row r="657" spans="1:5" ht="12.75" hidden="1" outlineLevel="1">
      <c r="A657" s="1" t="s">
        <v>649</v>
      </c>
      <c r="B657" s="2">
        <v>1890</v>
      </c>
      <c r="C657" s="2">
        <v>1785</v>
      </c>
      <c r="D657" s="2">
        <v>1715</v>
      </c>
      <c r="E657" s="13">
        <v>949</v>
      </c>
    </row>
    <row r="658" spans="1:5" ht="12.75" hidden="1" outlineLevel="1">
      <c r="A658" s="1" t="s">
        <v>650</v>
      </c>
      <c r="B658" s="2">
        <v>1890</v>
      </c>
      <c r="C658" s="2">
        <v>1785</v>
      </c>
      <c r="D658" s="2">
        <v>1715</v>
      </c>
      <c r="E658" s="13">
        <v>5589</v>
      </c>
    </row>
    <row r="659" spans="1:5" ht="12.75" hidden="1" outlineLevel="1">
      <c r="A659" s="1" t="s">
        <v>651</v>
      </c>
      <c r="B659" s="2">
        <v>1890</v>
      </c>
      <c r="C659" s="2">
        <v>1785</v>
      </c>
      <c r="D659" s="2">
        <v>1715</v>
      </c>
      <c r="E659" s="13">
        <v>3497</v>
      </c>
    </row>
    <row r="660" spans="1:5" ht="12.75" hidden="1" outlineLevel="1">
      <c r="A660" s="1" t="s">
        <v>652</v>
      </c>
      <c r="B660" s="2">
        <v>2360</v>
      </c>
      <c r="C660" s="2">
        <v>2230</v>
      </c>
      <c r="D660" s="2">
        <v>2145</v>
      </c>
      <c r="E660" s="13">
        <v>5082</v>
      </c>
    </row>
    <row r="661" spans="1:5" ht="12.75" hidden="1" outlineLevel="1">
      <c r="A661" s="1" t="s">
        <v>653</v>
      </c>
      <c r="B661" s="2">
        <v>2830</v>
      </c>
      <c r="C661" s="2">
        <v>2675</v>
      </c>
      <c r="D661" s="2">
        <v>2575</v>
      </c>
      <c r="E661" s="13">
        <v>5083</v>
      </c>
    </row>
    <row r="662" spans="1:5" ht="12.75" hidden="1" outlineLevel="1">
      <c r="A662" s="1" t="s">
        <v>654</v>
      </c>
      <c r="B662" s="2">
        <v>1415</v>
      </c>
      <c r="C662" s="2">
        <v>1340</v>
      </c>
      <c r="D662" s="2">
        <v>1285</v>
      </c>
      <c r="E662" s="13">
        <v>5299</v>
      </c>
    </row>
    <row r="663" spans="1:5" collapsed="1">
      <c r="A663" s="4" t="s">
        <v>655</v>
      </c>
      <c r="B663" s="12"/>
      <c r="C663" s="12"/>
      <c r="D663" s="12"/>
      <c r="E663" s="12"/>
    </row>
    <row r="664" spans="1:5" ht="12.75" hidden="1" outlineLevel="1">
      <c r="A664" s="1" t="s">
        <v>656</v>
      </c>
      <c r="B664" s="2">
        <v>5665</v>
      </c>
      <c r="C664" s="2">
        <v>5405</v>
      </c>
      <c r="D664" s="2">
        <v>5150</v>
      </c>
      <c r="E664" s="13">
        <v>820</v>
      </c>
    </row>
    <row r="665" spans="1:5" ht="12.75" hidden="1" outlineLevel="1">
      <c r="A665" s="1" t="s">
        <v>657</v>
      </c>
      <c r="B665" s="2">
        <v>236</v>
      </c>
      <c r="C665" s="2">
        <v>225.2</v>
      </c>
      <c r="D665" s="2">
        <v>214.5</v>
      </c>
      <c r="E665" s="13">
        <v>823</v>
      </c>
    </row>
    <row r="666" spans="1:5" ht="12.75" hidden="1" outlineLevel="1">
      <c r="A666" s="1" t="s">
        <v>658</v>
      </c>
      <c r="B666" s="2">
        <v>236</v>
      </c>
      <c r="C666" s="2">
        <v>225.2</v>
      </c>
      <c r="D666" s="2">
        <v>214.5</v>
      </c>
      <c r="E666" s="13">
        <v>3642</v>
      </c>
    </row>
    <row r="667" spans="1:5" ht="12.75" hidden="1" outlineLevel="1">
      <c r="A667" s="1" t="s">
        <v>659</v>
      </c>
      <c r="B667" s="2">
        <v>236</v>
      </c>
      <c r="C667" s="2">
        <v>225.2</v>
      </c>
      <c r="D667" s="2">
        <v>214.5</v>
      </c>
      <c r="E667" s="13">
        <v>824</v>
      </c>
    </row>
    <row r="668" spans="1:5" ht="12.75" hidden="1" outlineLevel="1">
      <c r="A668" s="1" t="s">
        <v>660</v>
      </c>
      <c r="B668" s="2">
        <v>236</v>
      </c>
      <c r="C668" s="2">
        <v>225.2</v>
      </c>
      <c r="D668" s="2">
        <v>214.5</v>
      </c>
      <c r="E668" s="13">
        <v>825</v>
      </c>
    </row>
    <row r="669" spans="1:5" ht="12.75" hidden="1" outlineLevel="1">
      <c r="A669" s="1" t="s">
        <v>661</v>
      </c>
      <c r="B669" s="2">
        <v>472</v>
      </c>
      <c r="C669" s="2">
        <v>451</v>
      </c>
      <c r="D669" s="2">
        <v>429</v>
      </c>
      <c r="E669" s="13">
        <v>826</v>
      </c>
    </row>
    <row r="670" spans="1:5" ht="12.75" hidden="1" outlineLevel="1">
      <c r="A670" s="1" t="s">
        <v>662</v>
      </c>
      <c r="B670" s="2">
        <v>236</v>
      </c>
      <c r="C670" s="2">
        <v>225.2</v>
      </c>
      <c r="D670" s="2">
        <v>214.5</v>
      </c>
      <c r="E670" s="13">
        <v>3052</v>
      </c>
    </row>
    <row r="671" spans="1:5" ht="12.75" hidden="1" outlineLevel="1">
      <c r="A671" s="1" t="s">
        <v>663</v>
      </c>
      <c r="B671" s="2">
        <v>236</v>
      </c>
      <c r="C671" s="2">
        <v>225.2</v>
      </c>
      <c r="D671" s="2">
        <v>214.5</v>
      </c>
      <c r="E671" s="13">
        <v>3176</v>
      </c>
    </row>
    <row r="672" spans="1:5" ht="12.75" hidden="1" outlineLevel="1">
      <c r="A672" s="1" t="s">
        <v>664</v>
      </c>
      <c r="B672" s="2">
        <v>1415</v>
      </c>
      <c r="C672" s="2">
        <v>1350</v>
      </c>
      <c r="D672" s="2">
        <v>1285</v>
      </c>
      <c r="E672" s="13">
        <v>4768</v>
      </c>
    </row>
    <row r="673" spans="1:5" ht="19.5" hidden="1" outlineLevel="1">
      <c r="A673" s="1" t="s">
        <v>665</v>
      </c>
      <c r="B673" s="2">
        <v>472</v>
      </c>
      <c r="C673" s="2">
        <v>451</v>
      </c>
      <c r="D673" s="2">
        <v>429</v>
      </c>
      <c r="E673" s="13">
        <v>3818</v>
      </c>
    </row>
    <row r="674" spans="1:5" ht="12.75" hidden="1" outlineLevel="1">
      <c r="A674" s="1" t="s">
        <v>666</v>
      </c>
      <c r="B674" s="2">
        <v>472</v>
      </c>
      <c r="C674" s="2">
        <v>451</v>
      </c>
      <c r="D674" s="2">
        <v>429</v>
      </c>
      <c r="E674" s="13">
        <v>5281</v>
      </c>
    </row>
    <row r="675" spans="1:5" ht="19.5" hidden="1" outlineLevel="1">
      <c r="A675" s="1" t="s">
        <v>667</v>
      </c>
      <c r="B675" s="2">
        <v>710</v>
      </c>
      <c r="C675" s="2">
        <v>676</v>
      </c>
      <c r="D675" s="2">
        <v>644</v>
      </c>
      <c r="E675" s="13">
        <v>6618</v>
      </c>
    </row>
    <row r="676" spans="1:5" ht="12.75" hidden="1" outlineLevel="1">
      <c r="A676" s="1" t="s">
        <v>668</v>
      </c>
      <c r="B676" s="2">
        <v>710</v>
      </c>
      <c r="C676" s="2">
        <v>676</v>
      </c>
      <c r="D676" s="2">
        <v>644</v>
      </c>
      <c r="E676" s="13">
        <v>5102</v>
      </c>
    </row>
    <row r="677" spans="1:5" ht="12.75" hidden="1" outlineLevel="1">
      <c r="A677" s="1" t="s">
        <v>669</v>
      </c>
      <c r="B677" s="2">
        <v>710</v>
      </c>
      <c r="C677" s="2">
        <v>676</v>
      </c>
      <c r="D677" s="2">
        <v>644</v>
      </c>
      <c r="E677" s="13">
        <v>4925</v>
      </c>
    </row>
    <row r="678" spans="1:5" ht="12.75" hidden="1" outlineLevel="1">
      <c r="A678" s="1" t="s">
        <v>670</v>
      </c>
      <c r="B678" s="2">
        <v>710</v>
      </c>
      <c r="C678" s="2">
        <v>676</v>
      </c>
      <c r="D678" s="2">
        <v>644</v>
      </c>
      <c r="E678" s="13">
        <v>6884</v>
      </c>
    </row>
    <row r="679" spans="1:5" ht="12.75" hidden="1" outlineLevel="1">
      <c r="A679" s="1" t="s">
        <v>671</v>
      </c>
      <c r="B679" s="2">
        <v>710</v>
      </c>
      <c r="C679" s="2">
        <v>676</v>
      </c>
      <c r="D679" s="2">
        <v>644</v>
      </c>
      <c r="E679" s="13">
        <v>6883</v>
      </c>
    </row>
    <row r="680" spans="1:5" ht="12.75" hidden="1" outlineLevel="1">
      <c r="A680" s="1" t="s">
        <v>672</v>
      </c>
      <c r="B680" s="2">
        <v>710</v>
      </c>
      <c r="C680" s="2">
        <v>676</v>
      </c>
      <c r="D680" s="2">
        <v>644</v>
      </c>
      <c r="E680" s="13">
        <v>6882</v>
      </c>
    </row>
    <row r="681" spans="1:5" ht="12.75" hidden="1" outlineLevel="1">
      <c r="A681" s="1" t="s">
        <v>673</v>
      </c>
      <c r="B681" s="2">
        <v>710</v>
      </c>
      <c r="C681" s="2">
        <v>676</v>
      </c>
      <c r="D681" s="2">
        <v>644</v>
      </c>
      <c r="E681" s="13">
        <v>3268</v>
      </c>
    </row>
    <row r="682" spans="1:5" ht="12.75" hidden="1" outlineLevel="1">
      <c r="A682" s="1" t="s">
        <v>674</v>
      </c>
      <c r="B682" s="2">
        <v>710</v>
      </c>
      <c r="C682" s="2">
        <v>676</v>
      </c>
      <c r="D682" s="2">
        <v>644</v>
      </c>
      <c r="E682" s="13">
        <v>3175</v>
      </c>
    </row>
    <row r="683" spans="1:5" ht="19.5" hidden="1" outlineLevel="1">
      <c r="A683" s="1" t="s">
        <v>675</v>
      </c>
      <c r="B683" s="2">
        <v>710</v>
      </c>
      <c r="C683" s="2">
        <v>676</v>
      </c>
      <c r="D683" s="2">
        <v>644</v>
      </c>
      <c r="E683" s="13">
        <v>3817</v>
      </c>
    </row>
    <row r="684" spans="1:5" ht="19.5" hidden="1" outlineLevel="1">
      <c r="A684" s="1" t="s">
        <v>676</v>
      </c>
      <c r="B684" s="2">
        <v>710</v>
      </c>
      <c r="C684" s="2">
        <v>676</v>
      </c>
      <c r="D684" s="2">
        <v>644</v>
      </c>
      <c r="E684" s="13">
        <v>7465</v>
      </c>
    </row>
    <row r="685" spans="1:5" ht="12.75" hidden="1" outlineLevel="1">
      <c r="A685" s="1" t="s">
        <v>677</v>
      </c>
      <c r="B685" s="2">
        <v>710</v>
      </c>
      <c r="C685" s="2">
        <v>676</v>
      </c>
      <c r="D685" s="2">
        <v>644</v>
      </c>
      <c r="E685" s="13">
        <v>7671</v>
      </c>
    </row>
    <row r="686" spans="1:5" ht="19.5" hidden="1" outlineLevel="1">
      <c r="A686" s="1" t="s">
        <v>678</v>
      </c>
      <c r="B686" s="2">
        <v>710</v>
      </c>
      <c r="C686" s="2">
        <v>676</v>
      </c>
      <c r="D686" s="2">
        <v>644</v>
      </c>
      <c r="E686" s="13">
        <v>7383</v>
      </c>
    </row>
    <row r="687" spans="1:5" ht="19.5" hidden="1" outlineLevel="1">
      <c r="A687" s="1" t="s">
        <v>679</v>
      </c>
      <c r="B687" s="2">
        <v>710</v>
      </c>
      <c r="C687" s="2">
        <v>676</v>
      </c>
      <c r="D687" s="2">
        <v>644</v>
      </c>
      <c r="E687" s="13">
        <v>7384</v>
      </c>
    </row>
    <row r="688" spans="1:5" ht="19.5" hidden="1" outlineLevel="1">
      <c r="A688" s="1" t="s">
        <v>680</v>
      </c>
      <c r="B688" s="2">
        <v>710</v>
      </c>
      <c r="C688" s="2">
        <v>676</v>
      </c>
      <c r="D688" s="2">
        <v>644</v>
      </c>
      <c r="E688" s="13">
        <v>7385</v>
      </c>
    </row>
    <row r="689" spans="1:5" ht="12.75" hidden="1" outlineLevel="1">
      <c r="A689" s="1" t="s">
        <v>681</v>
      </c>
      <c r="B689" s="2">
        <v>710</v>
      </c>
      <c r="C689" s="2">
        <v>676</v>
      </c>
      <c r="D689" s="2">
        <v>644</v>
      </c>
      <c r="E689" s="13">
        <v>7672</v>
      </c>
    </row>
    <row r="690" spans="1:5" ht="19.5" hidden="1" outlineLevel="1">
      <c r="A690" s="1" t="s">
        <v>682</v>
      </c>
      <c r="B690" s="2">
        <v>710</v>
      </c>
      <c r="C690" s="2">
        <v>676</v>
      </c>
      <c r="D690" s="2">
        <v>644</v>
      </c>
      <c r="E690" s="13">
        <v>7386</v>
      </c>
    </row>
    <row r="691" spans="1:5" ht="12.75" hidden="1" outlineLevel="1">
      <c r="A691" s="1" t="s">
        <v>683</v>
      </c>
      <c r="B691" s="2">
        <v>2360</v>
      </c>
      <c r="C691" s="2">
        <v>2250</v>
      </c>
      <c r="D691" s="2">
        <v>2145</v>
      </c>
      <c r="E691" s="13">
        <v>5309</v>
      </c>
    </row>
    <row r="692" spans="1:5" ht="12.75" hidden="1" outlineLevel="1">
      <c r="A692" s="1" t="s">
        <v>684</v>
      </c>
      <c r="B692" s="2">
        <v>2360</v>
      </c>
      <c r="C692" s="2">
        <v>2250</v>
      </c>
      <c r="D692" s="2">
        <v>2145</v>
      </c>
      <c r="E692" s="13">
        <v>5310</v>
      </c>
    </row>
    <row r="693" spans="1:5" ht="12.75" hidden="1" outlineLevel="1">
      <c r="A693" s="1" t="s">
        <v>685</v>
      </c>
      <c r="B693" s="2">
        <v>2360</v>
      </c>
      <c r="C693" s="2">
        <v>2250</v>
      </c>
      <c r="D693" s="2">
        <v>2145</v>
      </c>
      <c r="E693" s="13">
        <v>5311</v>
      </c>
    </row>
    <row r="694" spans="1:5" ht="19.5" hidden="1" outlineLevel="1">
      <c r="A694" s="1" t="s">
        <v>686</v>
      </c>
      <c r="B694" s="2">
        <v>945</v>
      </c>
      <c r="C694" s="2">
        <v>900</v>
      </c>
      <c r="D694" s="2">
        <v>860</v>
      </c>
      <c r="E694" s="13">
        <v>3091</v>
      </c>
    </row>
    <row r="695" spans="1:5" ht="12.75" hidden="1" outlineLevel="1">
      <c r="A695" s="1" t="s">
        <v>687</v>
      </c>
      <c r="B695" s="2">
        <v>945</v>
      </c>
      <c r="C695" s="2">
        <v>900</v>
      </c>
      <c r="D695" s="2">
        <v>860</v>
      </c>
      <c r="E695" s="13">
        <v>3919</v>
      </c>
    </row>
    <row r="696" spans="1:5" ht="12.75" hidden="1" outlineLevel="1">
      <c r="A696" s="1" t="s">
        <v>688</v>
      </c>
      <c r="B696" s="2">
        <v>945</v>
      </c>
      <c r="C696" s="2">
        <v>900</v>
      </c>
      <c r="D696" s="2">
        <v>860</v>
      </c>
      <c r="E696" s="13">
        <v>3714</v>
      </c>
    </row>
    <row r="697" spans="1:5" ht="12.75" hidden="1" outlineLevel="1">
      <c r="A697" s="1" t="s">
        <v>689</v>
      </c>
      <c r="B697" s="2">
        <v>945</v>
      </c>
      <c r="C697" s="2">
        <v>900</v>
      </c>
      <c r="D697" s="2">
        <v>860</v>
      </c>
      <c r="E697" s="13">
        <v>3918</v>
      </c>
    </row>
    <row r="698" spans="1:5" ht="12.75" hidden="1" outlineLevel="1">
      <c r="A698" s="1" t="s">
        <v>690</v>
      </c>
      <c r="B698" s="2">
        <v>945</v>
      </c>
      <c r="C698" s="2">
        <v>900</v>
      </c>
      <c r="D698" s="2">
        <v>860</v>
      </c>
      <c r="E698" s="13">
        <v>3917</v>
      </c>
    </row>
    <row r="699" spans="1:5" ht="12.75" hidden="1" outlineLevel="1">
      <c r="A699" s="1" t="s">
        <v>691</v>
      </c>
      <c r="B699" s="2">
        <v>3775</v>
      </c>
      <c r="C699" s="2">
        <v>3605</v>
      </c>
      <c r="D699" s="2">
        <v>3430</v>
      </c>
      <c r="E699" s="13">
        <v>1175</v>
      </c>
    </row>
    <row r="700" spans="1:5" ht="29.25" hidden="1" outlineLevel="1">
      <c r="A700" s="1" t="s">
        <v>692</v>
      </c>
      <c r="B700" s="2">
        <v>5190</v>
      </c>
      <c r="C700" s="2">
        <v>4955</v>
      </c>
      <c r="D700" s="2">
        <v>4720</v>
      </c>
      <c r="E700" s="13">
        <v>8096</v>
      </c>
    </row>
    <row r="701" spans="1:5" ht="12.75" hidden="1" outlineLevel="1">
      <c r="A701" s="1" t="s">
        <v>693</v>
      </c>
      <c r="B701" s="2">
        <v>6370</v>
      </c>
      <c r="C701" s="2">
        <v>6080</v>
      </c>
      <c r="D701" s="2">
        <v>5790</v>
      </c>
      <c r="E701" s="13">
        <v>3267</v>
      </c>
    </row>
    <row r="702" spans="1:5" ht="12.75" hidden="1" outlineLevel="1">
      <c r="A702" s="1" t="s">
        <v>694</v>
      </c>
      <c r="B702" s="2">
        <v>2125</v>
      </c>
      <c r="C702" s="2">
        <v>2025</v>
      </c>
      <c r="D702" s="2">
        <v>1930</v>
      </c>
      <c r="E702" s="13">
        <v>4874</v>
      </c>
    </row>
    <row r="703" spans="1:5" ht="12.75" hidden="1" outlineLevel="1">
      <c r="A703" s="1" t="s">
        <v>695</v>
      </c>
      <c r="B703" s="2">
        <v>2125</v>
      </c>
      <c r="C703" s="2">
        <v>2025</v>
      </c>
      <c r="D703" s="2">
        <v>1930</v>
      </c>
      <c r="E703" s="13">
        <v>6469</v>
      </c>
    </row>
    <row r="704" spans="1:5" ht="12.75" hidden="1" outlineLevel="1">
      <c r="A704" s="1" t="s">
        <v>696</v>
      </c>
      <c r="B704" s="2">
        <v>2125</v>
      </c>
      <c r="C704" s="2">
        <v>2025</v>
      </c>
      <c r="D704" s="2">
        <v>1930</v>
      </c>
      <c r="E704" s="13">
        <v>3925</v>
      </c>
    </row>
    <row r="705" spans="1:5" ht="12.75" hidden="1" outlineLevel="1">
      <c r="A705" s="1" t="s">
        <v>697</v>
      </c>
      <c r="B705" s="2">
        <v>2125</v>
      </c>
      <c r="C705" s="2">
        <v>2025</v>
      </c>
      <c r="D705" s="2">
        <v>1930</v>
      </c>
      <c r="E705" s="13">
        <v>3924</v>
      </c>
    </row>
    <row r="706" spans="1:5" ht="12.75" hidden="1" outlineLevel="1">
      <c r="A706" s="1" t="s">
        <v>698</v>
      </c>
      <c r="B706" s="2">
        <v>1040</v>
      </c>
      <c r="C706" s="2">
        <v>990</v>
      </c>
      <c r="D706" s="2">
        <v>945</v>
      </c>
      <c r="E706" s="13">
        <v>828</v>
      </c>
    </row>
    <row r="707" spans="1:5" ht="12.75" hidden="1" outlineLevel="1">
      <c r="A707" s="1" t="s">
        <v>699</v>
      </c>
      <c r="B707" s="2">
        <v>1040</v>
      </c>
      <c r="C707" s="2">
        <v>990</v>
      </c>
      <c r="D707" s="2">
        <v>945</v>
      </c>
      <c r="E707" s="13">
        <v>1515</v>
      </c>
    </row>
    <row r="708" spans="1:5" ht="19.5" hidden="1" outlineLevel="1">
      <c r="A708" s="1" t="s">
        <v>700</v>
      </c>
      <c r="B708" s="2">
        <v>236</v>
      </c>
      <c r="C708" s="2">
        <v>225.2</v>
      </c>
      <c r="D708" s="2">
        <v>214.5</v>
      </c>
      <c r="E708" s="13">
        <v>7366</v>
      </c>
    </row>
    <row r="709" spans="1:5" ht="12.75" hidden="1" outlineLevel="1">
      <c r="A709" s="1" t="s">
        <v>701</v>
      </c>
      <c r="B709" s="2">
        <v>4245</v>
      </c>
      <c r="C709" s="2">
        <v>4055</v>
      </c>
      <c r="D709" s="2">
        <v>3860</v>
      </c>
      <c r="E709" s="13">
        <v>6101</v>
      </c>
    </row>
    <row r="710" spans="1:5" ht="19.5" hidden="1" outlineLevel="1">
      <c r="A710" s="1" t="s">
        <v>702</v>
      </c>
      <c r="B710" s="2">
        <v>945</v>
      </c>
      <c r="C710" s="2">
        <v>900</v>
      </c>
      <c r="D710" s="2">
        <v>860</v>
      </c>
      <c r="E710" s="13">
        <v>8074</v>
      </c>
    </row>
    <row r="711" spans="1:5" ht="19.5" hidden="1" outlineLevel="1">
      <c r="A711" s="1" t="s">
        <v>703</v>
      </c>
      <c r="B711" s="2">
        <v>236</v>
      </c>
      <c r="C711" s="2">
        <v>225.2</v>
      </c>
      <c r="D711" s="2">
        <v>214.5</v>
      </c>
      <c r="E711" s="13">
        <v>7367</v>
      </c>
    </row>
    <row r="712" spans="1:5" ht="19.5" hidden="1" outlineLevel="1">
      <c r="A712" s="1" t="s">
        <v>704</v>
      </c>
      <c r="B712" s="2">
        <v>945</v>
      </c>
      <c r="C712" s="2">
        <v>900</v>
      </c>
      <c r="D712" s="2">
        <v>860</v>
      </c>
      <c r="E712" s="13">
        <v>8075</v>
      </c>
    </row>
    <row r="713" spans="1:5" ht="12.75" hidden="1" outlineLevel="1">
      <c r="A713" s="1" t="s">
        <v>705</v>
      </c>
      <c r="B713" s="2">
        <v>2360</v>
      </c>
      <c r="C713" s="2">
        <v>2250</v>
      </c>
      <c r="D713" s="2">
        <v>2145</v>
      </c>
      <c r="E713" s="13">
        <v>872</v>
      </c>
    </row>
    <row r="714" spans="1:5" ht="19.5" hidden="1" outlineLevel="1">
      <c r="A714" s="1" t="s">
        <v>706</v>
      </c>
      <c r="B714" s="2">
        <v>945</v>
      </c>
      <c r="C714" s="2">
        <v>900</v>
      </c>
      <c r="D714" s="2">
        <v>860</v>
      </c>
      <c r="E714" s="13">
        <v>818</v>
      </c>
    </row>
    <row r="715" spans="1:5" ht="19.5" hidden="1" outlineLevel="1">
      <c r="A715" s="1" t="s">
        <v>707</v>
      </c>
      <c r="B715" s="2">
        <v>945</v>
      </c>
      <c r="C715" s="2">
        <v>900</v>
      </c>
      <c r="D715" s="2">
        <v>860</v>
      </c>
      <c r="E715" s="13">
        <v>1582</v>
      </c>
    </row>
    <row r="716" spans="1:5" ht="12.75" hidden="1" outlineLevel="1">
      <c r="A716" s="1" t="s">
        <v>708</v>
      </c>
      <c r="B716" s="2">
        <v>2360</v>
      </c>
      <c r="C716" s="2">
        <v>2250</v>
      </c>
      <c r="D716" s="2">
        <v>2145</v>
      </c>
      <c r="E716" s="13">
        <v>3819</v>
      </c>
    </row>
    <row r="717" spans="1:5" ht="19.5" hidden="1" outlineLevel="1">
      <c r="A717" s="1" t="s">
        <v>709</v>
      </c>
      <c r="B717" s="2">
        <v>945</v>
      </c>
      <c r="C717" s="2">
        <v>900</v>
      </c>
      <c r="D717" s="2">
        <v>860</v>
      </c>
      <c r="E717" s="13">
        <v>8076</v>
      </c>
    </row>
    <row r="718" spans="1:5" ht="19.5" hidden="1" outlineLevel="1">
      <c r="A718" s="1" t="s">
        <v>710</v>
      </c>
      <c r="B718" s="2">
        <v>945</v>
      </c>
      <c r="C718" s="2">
        <v>900</v>
      </c>
      <c r="D718" s="2">
        <v>860</v>
      </c>
      <c r="E718" s="13">
        <v>8077</v>
      </c>
    </row>
    <row r="719" spans="1:5" ht="12.75" hidden="1" outlineLevel="1">
      <c r="A719" s="1" t="s">
        <v>711</v>
      </c>
      <c r="B719" s="2">
        <v>9440</v>
      </c>
      <c r="C719" s="2">
        <v>9010</v>
      </c>
      <c r="D719" s="2">
        <v>8580</v>
      </c>
      <c r="E719" s="13">
        <v>819</v>
      </c>
    </row>
    <row r="720" spans="1:5" ht="19.5" hidden="1" outlineLevel="1">
      <c r="A720" s="1" t="s">
        <v>712</v>
      </c>
      <c r="B720" s="2">
        <v>3775</v>
      </c>
      <c r="C720" s="2">
        <v>3605</v>
      </c>
      <c r="D720" s="2">
        <v>3430</v>
      </c>
      <c r="E720" s="13">
        <v>8818</v>
      </c>
    </row>
    <row r="721" spans="1:5" ht="12.75" hidden="1" outlineLevel="1">
      <c r="A721" s="1" t="s">
        <v>713</v>
      </c>
      <c r="B721" s="2">
        <v>2595</v>
      </c>
      <c r="C721" s="2">
        <v>2475</v>
      </c>
      <c r="D721" s="2">
        <v>2360</v>
      </c>
      <c r="E721" s="13">
        <v>7370</v>
      </c>
    </row>
    <row r="722" spans="1:5" ht="12.75" hidden="1" outlineLevel="1">
      <c r="A722" s="1" t="s">
        <v>714</v>
      </c>
      <c r="B722" s="2">
        <v>2125</v>
      </c>
      <c r="C722" s="2">
        <v>2025</v>
      </c>
      <c r="D722" s="2">
        <v>1930</v>
      </c>
      <c r="E722" s="13">
        <v>4080</v>
      </c>
    </row>
    <row r="723" spans="1:5" ht="19.5" hidden="1" outlineLevel="1">
      <c r="A723" s="1" t="s">
        <v>715</v>
      </c>
      <c r="B723" s="2">
        <v>710</v>
      </c>
      <c r="C723" s="2">
        <v>676</v>
      </c>
      <c r="D723" s="2">
        <v>644</v>
      </c>
      <c r="E723" s="13">
        <v>7372</v>
      </c>
    </row>
    <row r="724" spans="1:5" ht="12.75" hidden="1" outlineLevel="1">
      <c r="A724" s="1" t="s">
        <v>716</v>
      </c>
      <c r="B724" s="2">
        <v>472</v>
      </c>
      <c r="C724" s="2">
        <v>451</v>
      </c>
      <c r="D724" s="2">
        <v>429</v>
      </c>
      <c r="E724" s="13">
        <v>5517</v>
      </c>
    </row>
    <row r="725" spans="1:5" ht="19.5" hidden="1" outlineLevel="1">
      <c r="A725" s="1" t="s">
        <v>717</v>
      </c>
      <c r="B725" s="2">
        <v>4575</v>
      </c>
      <c r="C725" s="2">
        <v>4370</v>
      </c>
      <c r="D725" s="2">
        <v>4160</v>
      </c>
      <c r="E725" s="13">
        <v>6866</v>
      </c>
    </row>
    <row r="726" spans="1:5" ht="12.75" hidden="1" outlineLevel="1">
      <c r="A726" s="1" t="s">
        <v>718</v>
      </c>
      <c r="B726" s="2">
        <v>15100</v>
      </c>
      <c r="C726" s="2">
        <v>14410</v>
      </c>
      <c r="D726" s="2">
        <v>13730</v>
      </c>
      <c r="E726" s="13">
        <v>8552</v>
      </c>
    </row>
    <row r="727" spans="1:5" ht="12.75" hidden="1" outlineLevel="1">
      <c r="A727" s="1" t="s">
        <v>719</v>
      </c>
      <c r="B727" s="2">
        <v>33410</v>
      </c>
      <c r="C727" s="2">
        <v>31890</v>
      </c>
      <c r="D727" s="2">
        <v>30370</v>
      </c>
      <c r="E727" s="13">
        <v>847</v>
      </c>
    </row>
    <row r="728" spans="1:5" ht="12.75" hidden="1" outlineLevel="1">
      <c r="A728" s="1" t="s">
        <v>720</v>
      </c>
      <c r="B728" s="2">
        <v>4485</v>
      </c>
      <c r="C728" s="2">
        <v>4280</v>
      </c>
      <c r="D728" s="2">
        <v>4075</v>
      </c>
      <c r="E728" s="13">
        <v>4035</v>
      </c>
    </row>
    <row r="729" spans="1:5" ht="12.75" hidden="1" outlineLevel="1">
      <c r="A729" s="1" t="s">
        <v>721</v>
      </c>
      <c r="B729" s="2">
        <v>3540</v>
      </c>
      <c r="C729" s="2">
        <v>3380</v>
      </c>
      <c r="D729" s="2">
        <v>3220</v>
      </c>
      <c r="E729" s="13">
        <v>9326</v>
      </c>
    </row>
    <row r="730" spans="1:5" ht="12.75" hidden="1" outlineLevel="1">
      <c r="A730" s="1" t="s">
        <v>722</v>
      </c>
      <c r="B730" s="2">
        <v>710</v>
      </c>
      <c r="C730" s="2">
        <v>676</v>
      </c>
      <c r="D730" s="2">
        <v>644</v>
      </c>
      <c r="E730" s="13">
        <v>6466</v>
      </c>
    </row>
    <row r="731" spans="1:5" ht="12.75" hidden="1" outlineLevel="1">
      <c r="A731" s="1" t="s">
        <v>723</v>
      </c>
      <c r="B731" s="2">
        <v>1415</v>
      </c>
      <c r="C731" s="2">
        <v>1350</v>
      </c>
      <c r="D731" s="2">
        <v>1285</v>
      </c>
      <c r="E731" s="13">
        <v>863</v>
      </c>
    </row>
    <row r="732" spans="1:5" ht="12.75" hidden="1" outlineLevel="1">
      <c r="A732" s="1" t="s">
        <v>724</v>
      </c>
      <c r="B732" s="2">
        <v>1415</v>
      </c>
      <c r="C732" s="2">
        <v>1350</v>
      </c>
      <c r="D732" s="2">
        <v>1285</v>
      </c>
      <c r="E732" s="13">
        <v>865</v>
      </c>
    </row>
    <row r="733" spans="1:5" ht="12.75" hidden="1" outlineLevel="1">
      <c r="A733" s="1" t="s">
        <v>725</v>
      </c>
      <c r="B733" s="2">
        <v>1415</v>
      </c>
      <c r="C733" s="2">
        <v>1350</v>
      </c>
      <c r="D733" s="2">
        <v>1285</v>
      </c>
      <c r="E733" s="13">
        <v>864</v>
      </c>
    </row>
    <row r="734" spans="1:5" ht="12.75" hidden="1" outlineLevel="1">
      <c r="A734" s="1" t="s">
        <v>726</v>
      </c>
      <c r="B734" s="2">
        <v>9440</v>
      </c>
      <c r="C734" s="2">
        <v>9010</v>
      </c>
      <c r="D734" s="2">
        <v>8580</v>
      </c>
      <c r="E734" s="13">
        <v>3841</v>
      </c>
    </row>
    <row r="735" spans="1:5" ht="12.75" hidden="1" outlineLevel="1">
      <c r="A735" s="1" t="s">
        <v>727</v>
      </c>
      <c r="B735" s="2">
        <v>9440</v>
      </c>
      <c r="C735" s="2">
        <v>9010</v>
      </c>
      <c r="D735" s="2">
        <v>8580</v>
      </c>
      <c r="E735" s="13">
        <v>3842</v>
      </c>
    </row>
    <row r="736" spans="1:5" ht="12.75" hidden="1" outlineLevel="1">
      <c r="A736" s="1" t="s">
        <v>728</v>
      </c>
      <c r="B736" s="2">
        <v>17930</v>
      </c>
      <c r="C736" s="2">
        <v>17120</v>
      </c>
      <c r="D736" s="2">
        <v>16300</v>
      </c>
      <c r="E736" s="13">
        <v>3379</v>
      </c>
    </row>
    <row r="737" spans="1:5" ht="12.75" hidden="1" outlineLevel="1">
      <c r="A737" s="1" t="s">
        <v>729</v>
      </c>
      <c r="B737" s="2">
        <v>28310</v>
      </c>
      <c r="C737" s="2">
        <v>27030</v>
      </c>
      <c r="D737" s="2">
        <v>25740</v>
      </c>
      <c r="E737" s="13">
        <v>5151</v>
      </c>
    </row>
    <row r="738" spans="1:5" ht="12.75" hidden="1" outlineLevel="1">
      <c r="A738" s="1" t="s">
        <v>730</v>
      </c>
      <c r="B738" s="2">
        <v>7550</v>
      </c>
      <c r="C738" s="2">
        <v>7205</v>
      </c>
      <c r="D738" s="2">
        <v>6865</v>
      </c>
      <c r="E738" s="13">
        <v>4037</v>
      </c>
    </row>
    <row r="739" spans="1:5" ht="12.75" hidden="1" outlineLevel="1">
      <c r="A739" s="1" t="s">
        <v>731</v>
      </c>
      <c r="B739" s="2">
        <v>9440</v>
      </c>
      <c r="C739" s="2">
        <v>9010</v>
      </c>
      <c r="D739" s="2">
        <v>8580</v>
      </c>
      <c r="E739" s="13">
        <v>3303</v>
      </c>
    </row>
    <row r="740" spans="1:5" ht="12.75" hidden="1" outlineLevel="1">
      <c r="A740" s="1" t="s">
        <v>732</v>
      </c>
      <c r="B740" s="2">
        <v>9440</v>
      </c>
      <c r="C740" s="2">
        <v>9010</v>
      </c>
      <c r="D740" s="2">
        <v>8580</v>
      </c>
      <c r="E740" s="13">
        <v>3301</v>
      </c>
    </row>
    <row r="741" spans="1:5" ht="12.75" hidden="1" outlineLevel="1">
      <c r="A741" s="1" t="s">
        <v>733</v>
      </c>
      <c r="B741" s="2">
        <v>9440</v>
      </c>
      <c r="C741" s="2">
        <v>9010</v>
      </c>
      <c r="D741" s="2">
        <v>8580</v>
      </c>
      <c r="E741" s="13">
        <v>3302</v>
      </c>
    </row>
    <row r="742" spans="1:5" ht="12.75" hidden="1" outlineLevel="1">
      <c r="A742" s="1" t="s">
        <v>734</v>
      </c>
      <c r="B742" s="2">
        <v>7080</v>
      </c>
      <c r="C742" s="2">
        <v>6755</v>
      </c>
      <c r="D742" s="2">
        <v>6435</v>
      </c>
      <c r="E742" s="13">
        <v>4290</v>
      </c>
    </row>
    <row r="743" spans="1:5" ht="12.75" hidden="1" outlineLevel="1">
      <c r="A743" s="1" t="s">
        <v>735</v>
      </c>
      <c r="B743" s="2">
        <v>7080</v>
      </c>
      <c r="C743" s="2">
        <v>6755</v>
      </c>
      <c r="D743" s="2">
        <v>6435</v>
      </c>
      <c r="E743" s="13">
        <v>4292</v>
      </c>
    </row>
    <row r="744" spans="1:5" ht="12.75" hidden="1" outlineLevel="1">
      <c r="A744" s="1" t="s">
        <v>736</v>
      </c>
      <c r="B744" s="2">
        <v>7080</v>
      </c>
      <c r="C744" s="2">
        <v>6755</v>
      </c>
      <c r="D744" s="2">
        <v>6435</v>
      </c>
      <c r="E744" s="13">
        <v>4291</v>
      </c>
    </row>
    <row r="745" spans="1:5" ht="12.75" hidden="1" outlineLevel="1">
      <c r="A745" s="1" t="s">
        <v>737</v>
      </c>
      <c r="B745" s="2">
        <v>9440</v>
      </c>
      <c r="C745" s="2">
        <v>9010</v>
      </c>
      <c r="D745" s="2">
        <v>8580</v>
      </c>
      <c r="E745" s="13">
        <v>5450</v>
      </c>
    </row>
    <row r="746" spans="1:5" ht="12.75" hidden="1" outlineLevel="1">
      <c r="A746" s="1" t="s">
        <v>738</v>
      </c>
      <c r="B746" s="2">
        <v>4010</v>
      </c>
      <c r="C746" s="2">
        <v>3830</v>
      </c>
      <c r="D746" s="2">
        <v>3645</v>
      </c>
      <c r="E746" s="13">
        <v>4019</v>
      </c>
    </row>
    <row r="747" spans="1:5" ht="19.5" hidden="1" outlineLevel="1">
      <c r="A747" s="1" t="s">
        <v>739</v>
      </c>
      <c r="B747" s="2">
        <v>3540</v>
      </c>
      <c r="C747" s="2">
        <v>3380</v>
      </c>
      <c r="D747" s="2">
        <v>3220</v>
      </c>
      <c r="E747" s="13">
        <v>4650</v>
      </c>
    </row>
    <row r="748" spans="1:5" ht="19.5" hidden="1" outlineLevel="1">
      <c r="A748" s="1" t="s">
        <v>740</v>
      </c>
      <c r="B748" s="2">
        <v>3540</v>
      </c>
      <c r="C748" s="2">
        <v>3380</v>
      </c>
      <c r="D748" s="2">
        <v>3220</v>
      </c>
      <c r="E748" s="13">
        <v>6874</v>
      </c>
    </row>
    <row r="749" spans="1:5" ht="19.5" hidden="1" outlineLevel="1">
      <c r="A749" s="1" t="s">
        <v>741</v>
      </c>
      <c r="B749" s="2">
        <v>3540</v>
      </c>
      <c r="C749" s="2">
        <v>3380</v>
      </c>
      <c r="D749" s="2">
        <v>3220</v>
      </c>
      <c r="E749" s="13">
        <v>6546</v>
      </c>
    </row>
    <row r="750" spans="1:5" ht="19.5" hidden="1" outlineLevel="1">
      <c r="A750" s="1" t="s">
        <v>742</v>
      </c>
      <c r="B750" s="2">
        <v>3540</v>
      </c>
      <c r="C750" s="2">
        <v>3380</v>
      </c>
      <c r="D750" s="2">
        <v>3220</v>
      </c>
      <c r="E750" s="13">
        <v>6457</v>
      </c>
    </row>
    <row r="751" spans="1:5" ht="19.5" hidden="1" outlineLevel="1">
      <c r="A751" s="1" t="s">
        <v>743</v>
      </c>
      <c r="B751" s="2">
        <v>3540</v>
      </c>
      <c r="C751" s="2">
        <v>3380</v>
      </c>
      <c r="D751" s="2">
        <v>3220</v>
      </c>
      <c r="E751" s="13">
        <v>6454</v>
      </c>
    </row>
    <row r="752" spans="1:5" ht="19.5" hidden="1" outlineLevel="1">
      <c r="A752" s="1" t="s">
        <v>744</v>
      </c>
      <c r="B752" s="2">
        <v>3540</v>
      </c>
      <c r="C752" s="2">
        <v>3380</v>
      </c>
      <c r="D752" s="2">
        <v>3220</v>
      </c>
      <c r="E752" s="13">
        <v>1738</v>
      </c>
    </row>
    <row r="753" spans="1:5" ht="12.75" hidden="1" outlineLevel="1">
      <c r="A753" s="1" t="s">
        <v>745</v>
      </c>
      <c r="B753" s="2">
        <v>10100</v>
      </c>
      <c r="C753" s="2">
        <v>9640</v>
      </c>
      <c r="D753" s="2">
        <v>9180</v>
      </c>
      <c r="E753" s="13">
        <v>6322</v>
      </c>
    </row>
    <row r="754" spans="1:5" ht="12.75" hidden="1" outlineLevel="1">
      <c r="A754" s="1" t="s">
        <v>746</v>
      </c>
      <c r="B754" s="2">
        <v>5190</v>
      </c>
      <c r="C754" s="2">
        <v>4955</v>
      </c>
      <c r="D754" s="2">
        <v>4720</v>
      </c>
      <c r="E754" s="13">
        <v>7964</v>
      </c>
    </row>
    <row r="755" spans="1:5" ht="12.75" hidden="1" outlineLevel="1">
      <c r="A755" s="1" t="s">
        <v>747</v>
      </c>
      <c r="B755" s="2">
        <v>3540</v>
      </c>
      <c r="C755" s="2">
        <v>3380</v>
      </c>
      <c r="D755" s="2">
        <v>3220</v>
      </c>
      <c r="E755" s="13">
        <v>7831</v>
      </c>
    </row>
    <row r="756" spans="1:5" ht="12.75" hidden="1" outlineLevel="1">
      <c r="A756" s="1" t="s">
        <v>748</v>
      </c>
      <c r="B756" s="2">
        <v>3775</v>
      </c>
      <c r="C756" s="2">
        <v>3605</v>
      </c>
      <c r="D756" s="2">
        <v>3430</v>
      </c>
      <c r="E756" s="13">
        <v>7662</v>
      </c>
    </row>
    <row r="757" spans="1:5" ht="12.75" hidden="1" outlineLevel="1">
      <c r="A757" s="1" t="s">
        <v>749</v>
      </c>
      <c r="B757" s="2">
        <v>5665</v>
      </c>
      <c r="C757" s="2">
        <v>5405</v>
      </c>
      <c r="D757" s="2">
        <v>5150</v>
      </c>
      <c r="E757" s="13">
        <v>7659</v>
      </c>
    </row>
    <row r="758" spans="1:5" ht="12.75" hidden="1" outlineLevel="1">
      <c r="A758" s="1" t="s">
        <v>750</v>
      </c>
      <c r="B758" s="2">
        <v>28310</v>
      </c>
      <c r="C758" s="2">
        <v>27030</v>
      </c>
      <c r="D758" s="2">
        <v>25740</v>
      </c>
      <c r="E758" s="13">
        <v>8707</v>
      </c>
    </row>
    <row r="759" spans="1:5" ht="12.75" hidden="1" outlineLevel="1">
      <c r="A759" s="1" t="s">
        <v>751</v>
      </c>
      <c r="B759" s="2">
        <v>28310</v>
      </c>
      <c r="C759" s="2">
        <v>27030</v>
      </c>
      <c r="D759" s="2">
        <v>25740</v>
      </c>
      <c r="E759" s="13">
        <v>873</v>
      </c>
    </row>
    <row r="760" spans="1:5" ht="12.75" hidden="1" outlineLevel="1">
      <c r="A760" s="1" t="s">
        <v>752</v>
      </c>
      <c r="B760" s="2">
        <v>16520</v>
      </c>
      <c r="C760" s="2">
        <v>15770</v>
      </c>
      <c r="D760" s="2">
        <v>15020</v>
      </c>
      <c r="E760" s="13">
        <v>1124</v>
      </c>
    </row>
    <row r="761" spans="1:5" ht="12.75" hidden="1" outlineLevel="1">
      <c r="A761" s="1" t="s">
        <v>753</v>
      </c>
      <c r="B761" s="2">
        <v>16520</v>
      </c>
      <c r="C761" s="2">
        <v>15770</v>
      </c>
      <c r="D761" s="2">
        <v>15020</v>
      </c>
      <c r="E761" s="13">
        <v>1125</v>
      </c>
    </row>
    <row r="762" spans="1:5" ht="12.75" hidden="1" outlineLevel="1">
      <c r="A762" s="1" t="s">
        <v>754</v>
      </c>
      <c r="B762" s="2">
        <v>12030</v>
      </c>
      <c r="C762" s="2">
        <v>11490</v>
      </c>
      <c r="D762" s="2">
        <v>10940</v>
      </c>
      <c r="E762" s="13">
        <v>8892</v>
      </c>
    </row>
    <row r="763" spans="1:5" ht="12.75" hidden="1" outlineLevel="1">
      <c r="A763" s="1" t="s">
        <v>755</v>
      </c>
      <c r="B763" s="2">
        <v>9440</v>
      </c>
      <c r="C763" s="2">
        <v>9010</v>
      </c>
      <c r="D763" s="2">
        <v>8580</v>
      </c>
      <c r="E763" s="13">
        <v>7487</v>
      </c>
    </row>
    <row r="764" spans="1:5" ht="12.75" hidden="1" outlineLevel="1">
      <c r="A764" s="1" t="s">
        <v>756</v>
      </c>
      <c r="B764" s="2">
        <v>9440</v>
      </c>
      <c r="C764" s="2">
        <v>9010</v>
      </c>
      <c r="D764" s="2">
        <v>8580</v>
      </c>
      <c r="E764" s="13">
        <v>7488</v>
      </c>
    </row>
    <row r="765" spans="1:5" ht="12.75" hidden="1" outlineLevel="1">
      <c r="A765" s="1" t="s">
        <v>757</v>
      </c>
      <c r="B765" s="2">
        <v>9440</v>
      </c>
      <c r="C765" s="2">
        <v>9010</v>
      </c>
      <c r="D765" s="2">
        <v>8580</v>
      </c>
      <c r="E765" s="13">
        <v>7490</v>
      </c>
    </row>
    <row r="766" spans="1:5" ht="12.75" hidden="1" outlineLevel="1">
      <c r="A766" s="1" t="s">
        <v>758</v>
      </c>
      <c r="B766" s="2">
        <v>17770</v>
      </c>
      <c r="C766" s="2">
        <v>16960</v>
      </c>
      <c r="D766" s="2">
        <v>16160</v>
      </c>
      <c r="E766" s="13">
        <v>8743</v>
      </c>
    </row>
    <row r="767" spans="1:5" ht="12.75" hidden="1" outlineLevel="1">
      <c r="A767" s="1" t="s">
        <v>759</v>
      </c>
      <c r="B767" s="2">
        <v>12270</v>
      </c>
      <c r="C767" s="2">
        <v>11710</v>
      </c>
      <c r="D767" s="2">
        <v>11150</v>
      </c>
      <c r="E767" s="13">
        <v>9016</v>
      </c>
    </row>
    <row r="768" spans="1:5" ht="12.75" hidden="1" outlineLevel="1">
      <c r="A768" s="1" t="s">
        <v>760</v>
      </c>
      <c r="B768" s="2">
        <v>12270</v>
      </c>
      <c r="C768" s="2">
        <v>11710</v>
      </c>
      <c r="D768" s="2">
        <v>11150</v>
      </c>
      <c r="E768" s="13">
        <v>9017</v>
      </c>
    </row>
    <row r="769" spans="1:5" ht="12.75" hidden="1" outlineLevel="1">
      <c r="A769" s="1" t="s">
        <v>761</v>
      </c>
      <c r="B769" s="2">
        <v>12270</v>
      </c>
      <c r="C769" s="2">
        <v>11710</v>
      </c>
      <c r="D769" s="2">
        <v>11150</v>
      </c>
      <c r="E769" s="13">
        <v>8945</v>
      </c>
    </row>
    <row r="770" spans="1:5" ht="12.75" hidden="1" outlineLevel="1">
      <c r="A770" s="1" t="s">
        <v>762</v>
      </c>
      <c r="B770" s="2">
        <v>3305</v>
      </c>
      <c r="C770" s="2">
        <v>3155</v>
      </c>
      <c r="D770" s="2">
        <v>3005</v>
      </c>
      <c r="E770" s="13">
        <v>7952</v>
      </c>
    </row>
    <row r="771" spans="1:5" ht="19.5" hidden="1" outlineLevel="1">
      <c r="A771" s="1" t="s">
        <v>763</v>
      </c>
      <c r="B771" s="2">
        <v>2220</v>
      </c>
      <c r="C771" s="2">
        <v>2115</v>
      </c>
      <c r="D771" s="2">
        <v>2015</v>
      </c>
      <c r="E771" s="13">
        <v>1427</v>
      </c>
    </row>
    <row r="772" spans="1:5" ht="19.5" hidden="1" outlineLevel="1">
      <c r="A772" s="1" t="s">
        <v>764</v>
      </c>
      <c r="B772" s="2">
        <v>2220</v>
      </c>
      <c r="C772" s="2">
        <v>2115</v>
      </c>
      <c r="D772" s="2">
        <v>2015</v>
      </c>
      <c r="E772" s="13">
        <v>4465</v>
      </c>
    </row>
    <row r="773" spans="1:5" ht="19.5" hidden="1" outlineLevel="1">
      <c r="A773" s="1" t="s">
        <v>765</v>
      </c>
      <c r="B773" s="2">
        <v>2220</v>
      </c>
      <c r="C773" s="2">
        <v>2115</v>
      </c>
      <c r="D773" s="2">
        <v>2015</v>
      </c>
      <c r="E773" s="13">
        <v>4036</v>
      </c>
    </row>
    <row r="774" spans="1:5" ht="12.75" hidden="1" outlineLevel="1">
      <c r="A774" s="1" t="s">
        <v>766</v>
      </c>
      <c r="B774" s="2">
        <v>2360</v>
      </c>
      <c r="C774" s="2">
        <v>2250</v>
      </c>
      <c r="D774" s="2">
        <v>2145</v>
      </c>
      <c r="E774" s="13">
        <v>8669</v>
      </c>
    </row>
    <row r="775" spans="1:5" ht="19.5" hidden="1" outlineLevel="1">
      <c r="A775" s="1" t="s">
        <v>767</v>
      </c>
      <c r="B775" s="2">
        <v>5425</v>
      </c>
      <c r="C775" s="2">
        <v>5180</v>
      </c>
      <c r="D775" s="2">
        <v>4935</v>
      </c>
      <c r="E775" s="13">
        <v>4652</v>
      </c>
    </row>
    <row r="776" spans="1:5" ht="12.75" hidden="1" outlineLevel="1">
      <c r="A776" s="1" t="s">
        <v>768</v>
      </c>
      <c r="B776" s="2">
        <v>5625</v>
      </c>
      <c r="C776" s="2">
        <v>5370</v>
      </c>
      <c r="D776" s="2">
        <v>5115</v>
      </c>
      <c r="E776" s="13">
        <v>8018</v>
      </c>
    </row>
    <row r="777" spans="1:5" ht="12.75" hidden="1" outlineLevel="1">
      <c r="A777" s="1" t="s">
        <v>769</v>
      </c>
      <c r="B777" s="2">
        <v>3775</v>
      </c>
      <c r="C777" s="2">
        <v>3605</v>
      </c>
      <c r="D777" s="2">
        <v>3430</v>
      </c>
      <c r="E777" s="13">
        <v>7948</v>
      </c>
    </row>
    <row r="778" spans="1:5" ht="12.75" hidden="1" outlineLevel="1">
      <c r="A778" s="1" t="s">
        <v>770</v>
      </c>
      <c r="B778" s="2">
        <v>5945</v>
      </c>
      <c r="C778" s="2">
        <v>5675</v>
      </c>
      <c r="D778" s="2">
        <v>5405</v>
      </c>
      <c r="E778" s="13">
        <v>6458</v>
      </c>
    </row>
    <row r="779" spans="1:5" ht="12.75" hidden="1" outlineLevel="1">
      <c r="A779" s="1" t="s">
        <v>771</v>
      </c>
      <c r="B779" s="2">
        <v>6230</v>
      </c>
      <c r="C779" s="2">
        <v>5945</v>
      </c>
      <c r="D779" s="2">
        <v>5665</v>
      </c>
      <c r="E779" s="13">
        <v>6453</v>
      </c>
    </row>
    <row r="780" spans="1:5" ht="29.25" hidden="1" outlineLevel="1">
      <c r="A780" s="1" t="s">
        <v>772</v>
      </c>
      <c r="B780" s="2">
        <v>4625</v>
      </c>
      <c r="C780" s="2">
        <v>4415</v>
      </c>
      <c r="D780" s="2">
        <v>4205</v>
      </c>
      <c r="E780" s="13">
        <v>7966</v>
      </c>
    </row>
    <row r="781" spans="1:5" ht="12.75" hidden="1" outlineLevel="1">
      <c r="A781" s="1" t="s">
        <v>773</v>
      </c>
      <c r="B781" s="2">
        <v>5665</v>
      </c>
      <c r="C781" s="2">
        <v>5405</v>
      </c>
      <c r="D781" s="2">
        <v>5150</v>
      </c>
      <c r="E781" s="13">
        <v>7656</v>
      </c>
    </row>
    <row r="782" spans="1:5" ht="12.75" hidden="1" outlineLevel="1">
      <c r="A782" s="1" t="s">
        <v>774</v>
      </c>
      <c r="B782" s="2">
        <v>6370</v>
      </c>
      <c r="C782" s="2">
        <v>6080</v>
      </c>
      <c r="D782" s="2">
        <v>5790</v>
      </c>
      <c r="E782" s="13">
        <v>7650</v>
      </c>
    </row>
    <row r="783" spans="1:5" ht="19.5" hidden="1" outlineLevel="1">
      <c r="A783" s="1" t="s">
        <v>775</v>
      </c>
      <c r="B783" s="2">
        <v>2715</v>
      </c>
      <c r="C783" s="2">
        <v>2590</v>
      </c>
      <c r="D783" s="2">
        <v>2465</v>
      </c>
      <c r="E783" s="13">
        <v>7832</v>
      </c>
    </row>
    <row r="784" spans="1:5" ht="12.75" hidden="1" outlineLevel="1">
      <c r="A784" s="1" t="s">
        <v>776</v>
      </c>
      <c r="B784" s="2">
        <v>3305</v>
      </c>
      <c r="C784" s="2">
        <v>3155</v>
      </c>
      <c r="D784" s="2">
        <v>3005</v>
      </c>
      <c r="E784" s="13">
        <v>7652</v>
      </c>
    </row>
    <row r="785" spans="1:5" ht="12.75" hidden="1" outlineLevel="1">
      <c r="A785" s="1" t="s">
        <v>777</v>
      </c>
      <c r="B785" s="2">
        <v>2715</v>
      </c>
      <c r="C785" s="2">
        <v>2590</v>
      </c>
      <c r="D785" s="2">
        <v>2465</v>
      </c>
      <c r="E785" s="13">
        <v>7833</v>
      </c>
    </row>
    <row r="786" spans="1:5" ht="12.75" hidden="1" outlineLevel="1">
      <c r="A786" s="1" t="s">
        <v>778</v>
      </c>
      <c r="B786" s="2">
        <v>7080</v>
      </c>
      <c r="C786" s="2">
        <v>6755</v>
      </c>
      <c r="D786" s="2">
        <v>6435</v>
      </c>
      <c r="E786" s="13">
        <v>7967</v>
      </c>
    </row>
    <row r="787" spans="1:5" ht="12.75" hidden="1" outlineLevel="1">
      <c r="A787" s="1" t="s">
        <v>779</v>
      </c>
      <c r="B787" s="2">
        <v>3020</v>
      </c>
      <c r="C787" s="2">
        <v>2885</v>
      </c>
      <c r="D787" s="2">
        <v>2745</v>
      </c>
      <c r="E787" s="13">
        <v>7323</v>
      </c>
    </row>
    <row r="788" spans="1:5" ht="12.75" hidden="1" outlineLevel="1">
      <c r="A788" s="1" t="s">
        <v>780</v>
      </c>
      <c r="B788" s="2">
        <v>4485</v>
      </c>
      <c r="C788" s="2">
        <v>4280</v>
      </c>
      <c r="D788" s="2">
        <v>4075</v>
      </c>
      <c r="E788" s="13">
        <v>7979</v>
      </c>
    </row>
    <row r="789" spans="1:5" ht="12.75" hidden="1" outlineLevel="1">
      <c r="A789" s="1" t="s">
        <v>781</v>
      </c>
      <c r="B789" s="2">
        <v>2645</v>
      </c>
      <c r="C789" s="2">
        <v>2525</v>
      </c>
      <c r="D789" s="2">
        <v>2400</v>
      </c>
      <c r="E789" s="13">
        <v>7951</v>
      </c>
    </row>
    <row r="790" spans="1:5" ht="12.75" hidden="1" outlineLevel="1">
      <c r="A790" s="1" t="s">
        <v>782</v>
      </c>
      <c r="B790" s="2">
        <v>5190</v>
      </c>
      <c r="C790" s="2">
        <v>4955</v>
      </c>
      <c r="D790" s="2">
        <v>4720</v>
      </c>
      <c r="E790" s="13">
        <v>7968</v>
      </c>
    </row>
    <row r="791" spans="1:5" ht="12.75" hidden="1" outlineLevel="1">
      <c r="A791" s="1" t="s">
        <v>783</v>
      </c>
      <c r="B791" s="2">
        <v>4010</v>
      </c>
      <c r="C791" s="2">
        <v>3830</v>
      </c>
      <c r="D791" s="2">
        <v>3645</v>
      </c>
      <c r="E791" s="13">
        <v>5668</v>
      </c>
    </row>
    <row r="792" spans="1:5" ht="19.5" hidden="1" outlineLevel="1">
      <c r="A792" s="1" t="s">
        <v>784</v>
      </c>
      <c r="B792" s="2">
        <v>3065</v>
      </c>
      <c r="C792" s="2">
        <v>2930</v>
      </c>
      <c r="D792" s="2">
        <v>2790</v>
      </c>
      <c r="E792" s="13">
        <v>8318</v>
      </c>
    </row>
    <row r="793" spans="1:5" ht="19.5" hidden="1" outlineLevel="1">
      <c r="A793" s="1" t="s">
        <v>785</v>
      </c>
      <c r="B793" s="2">
        <v>2735</v>
      </c>
      <c r="C793" s="2">
        <v>2615</v>
      </c>
      <c r="D793" s="2">
        <v>2490</v>
      </c>
      <c r="E793" s="13">
        <v>8319</v>
      </c>
    </row>
    <row r="794" spans="1:5" ht="19.5" hidden="1" outlineLevel="1">
      <c r="A794" s="1" t="s">
        <v>786</v>
      </c>
      <c r="B794" s="2">
        <v>2735</v>
      </c>
      <c r="C794" s="2">
        <v>2615</v>
      </c>
      <c r="D794" s="2">
        <v>2490</v>
      </c>
      <c r="E794" s="13">
        <v>8320</v>
      </c>
    </row>
    <row r="795" spans="1:5" ht="19.5" hidden="1" outlineLevel="1">
      <c r="A795" s="1" t="s">
        <v>787</v>
      </c>
      <c r="B795" s="2">
        <v>2735</v>
      </c>
      <c r="C795" s="2">
        <v>2615</v>
      </c>
      <c r="D795" s="2">
        <v>2490</v>
      </c>
      <c r="E795" s="13">
        <v>8321</v>
      </c>
    </row>
    <row r="796" spans="1:5" ht="19.5" hidden="1" outlineLevel="1">
      <c r="A796" s="1" t="s">
        <v>788</v>
      </c>
      <c r="B796" s="2">
        <v>2735</v>
      </c>
      <c r="C796" s="2">
        <v>2615</v>
      </c>
      <c r="D796" s="2">
        <v>2490</v>
      </c>
      <c r="E796" s="13">
        <v>8322</v>
      </c>
    </row>
    <row r="797" spans="1:5" ht="19.5" hidden="1" outlineLevel="1">
      <c r="A797" s="1" t="s">
        <v>789</v>
      </c>
      <c r="B797" s="2">
        <v>2735</v>
      </c>
      <c r="C797" s="2">
        <v>2615</v>
      </c>
      <c r="D797" s="2">
        <v>2490</v>
      </c>
      <c r="E797" s="13">
        <v>8323</v>
      </c>
    </row>
    <row r="798" spans="1:5" ht="12.75" hidden="1" outlineLevel="1">
      <c r="A798" s="1" t="s">
        <v>790</v>
      </c>
      <c r="B798" s="2">
        <v>10380</v>
      </c>
      <c r="C798" s="2">
        <v>9910</v>
      </c>
      <c r="D798" s="2">
        <v>9440</v>
      </c>
      <c r="E798" s="13">
        <v>859</v>
      </c>
    </row>
    <row r="799" spans="1:5" ht="12.75" hidden="1" outlineLevel="1">
      <c r="A799" s="1" t="s">
        <v>791</v>
      </c>
      <c r="B799" s="2">
        <v>4955</v>
      </c>
      <c r="C799" s="2">
        <v>4730</v>
      </c>
      <c r="D799" s="2">
        <v>4505</v>
      </c>
      <c r="E799" s="13">
        <v>9110</v>
      </c>
    </row>
    <row r="800" spans="1:5" ht="12.75" hidden="1" outlineLevel="1">
      <c r="A800" s="1" t="s">
        <v>792</v>
      </c>
      <c r="B800" s="2">
        <v>4955</v>
      </c>
      <c r="C800" s="2">
        <v>4730</v>
      </c>
      <c r="D800" s="2">
        <v>4505</v>
      </c>
      <c r="E800" s="13">
        <v>9111</v>
      </c>
    </row>
    <row r="801" spans="1:5" ht="12.75" hidden="1" outlineLevel="1">
      <c r="A801" s="1" t="s">
        <v>793</v>
      </c>
      <c r="B801" s="2">
        <v>3065</v>
      </c>
      <c r="C801" s="2">
        <v>2930</v>
      </c>
      <c r="D801" s="2">
        <v>2790</v>
      </c>
      <c r="E801" s="13">
        <v>6456</v>
      </c>
    </row>
    <row r="802" spans="1:5" ht="12.75" hidden="1" outlineLevel="1">
      <c r="A802" s="1" t="s">
        <v>794</v>
      </c>
      <c r="B802" s="2">
        <v>3065</v>
      </c>
      <c r="C802" s="2">
        <v>2930</v>
      </c>
      <c r="D802" s="2">
        <v>2790</v>
      </c>
      <c r="E802" s="13">
        <v>4335</v>
      </c>
    </row>
    <row r="803" spans="1:5" ht="12.75" hidden="1" outlineLevel="1">
      <c r="A803" s="1" t="s">
        <v>795</v>
      </c>
      <c r="B803" s="2">
        <v>3065</v>
      </c>
      <c r="C803" s="2">
        <v>2930</v>
      </c>
      <c r="D803" s="2">
        <v>2790</v>
      </c>
      <c r="E803" s="13">
        <v>3550</v>
      </c>
    </row>
    <row r="804" spans="1:5" ht="12.75" hidden="1" outlineLevel="1">
      <c r="A804" s="1" t="s">
        <v>796</v>
      </c>
      <c r="B804" s="2">
        <v>3065</v>
      </c>
      <c r="C804" s="2">
        <v>2930</v>
      </c>
      <c r="D804" s="2">
        <v>2790</v>
      </c>
      <c r="E804" s="13">
        <v>3375</v>
      </c>
    </row>
    <row r="805" spans="1:5" ht="12.75" hidden="1" outlineLevel="1">
      <c r="A805" s="1" t="s">
        <v>797</v>
      </c>
      <c r="B805" s="2">
        <v>3305</v>
      </c>
      <c r="C805" s="2">
        <v>3155</v>
      </c>
      <c r="D805" s="2">
        <v>3005</v>
      </c>
      <c r="E805" s="13">
        <v>8438</v>
      </c>
    </row>
    <row r="806" spans="1:5" ht="12.75" hidden="1" outlineLevel="1">
      <c r="A806" s="1" t="s">
        <v>798</v>
      </c>
      <c r="B806" s="2">
        <v>4485</v>
      </c>
      <c r="C806" s="2">
        <v>4280</v>
      </c>
      <c r="D806" s="2">
        <v>4075</v>
      </c>
      <c r="E806" s="13">
        <v>7647</v>
      </c>
    </row>
    <row r="807" spans="1:5" ht="12.75" hidden="1" outlineLevel="1">
      <c r="A807" s="1" t="s">
        <v>799</v>
      </c>
      <c r="B807" s="2">
        <v>5425</v>
      </c>
      <c r="C807" s="2">
        <v>5180</v>
      </c>
      <c r="D807" s="2">
        <v>4935</v>
      </c>
      <c r="E807" s="13">
        <v>7947</v>
      </c>
    </row>
    <row r="808" spans="1:5" ht="12.75" hidden="1" outlineLevel="1">
      <c r="A808" s="1" t="s">
        <v>800</v>
      </c>
      <c r="B808" s="2">
        <v>6370</v>
      </c>
      <c r="C808" s="2">
        <v>6080</v>
      </c>
      <c r="D808" s="2">
        <v>5790</v>
      </c>
      <c r="E808" s="13">
        <v>857</v>
      </c>
    </row>
    <row r="809" spans="1:5" ht="12.75" hidden="1" outlineLevel="1">
      <c r="A809" s="1" t="s">
        <v>801</v>
      </c>
      <c r="B809" s="2">
        <v>6135</v>
      </c>
      <c r="C809" s="2">
        <v>5855</v>
      </c>
      <c r="D809" s="2">
        <v>5575</v>
      </c>
      <c r="E809" s="13">
        <v>7645</v>
      </c>
    </row>
    <row r="810" spans="1:5" ht="12.75" hidden="1" outlineLevel="1">
      <c r="A810" s="1" t="s">
        <v>802</v>
      </c>
      <c r="B810" s="2">
        <v>3540</v>
      </c>
      <c r="C810" s="2">
        <v>3380</v>
      </c>
      <c r="D810" s="2">
        <v>3220</v>
      </c>
      <c r="E810" s="13">
        <v>5669</v>
      </c>
    </row>
    <row r="811" spans="1:5" ht="12.75" hidden="1" outlineLevel="1">
      <c r="A811" s="1" t="s">
        <v>803</v>
      </c>
      <c r="B811" s="2">
        <v>6370</v>
      </c>
      <c r="C811" s="2">
        <v>6080</v>
      </c>
      <c r="D811" s="2">
        <v>5790</v>
      </c>
      <c r="E811" s="13">
        <v>5670</v>
      </c>
    </row>
    <row r="812" spans="1:5" ht="29.25" hidden="1" outlineLevel="1">
      <c r="A812" s="1" t="s">
        <v>804</v>
      </c>
      <c r="B812" s="2">
        <v>3350</v>
      </c>
      <c r="C812" s="2">
        <v>3200</v>
      </c>
      <c r="D812" s="2">
        <v>3045</v>
      </c>
      <c r="E812" s="13">
        <v>5667</v>
      </c>
    </row>
    <row r="813" spans="1:5" ht="29.25" hidden="1" outlineLevel="1">
      <c r="A813" s="1" t="s">
        <v>805</v>
      </c>
      <c r="B813" s="2">
        <v>2725</v>
      </c>
      <c r="C813" s="2">
        <v>2600</v>
      </c>
      <c r="D813" s="2">
        <v>2475</v>
      </c>
      <c r="E813" s="13">
        <v>5671</v>
      </c>
    </row>
    <row r="814" spans="1:5" ht="29.25" hidden="1" outlineLevel="1">
      <c r="A814" s="1" t="s">
        <v>806</v>
      </c>
      <c r="B814" s="2">
        <v>4245</v>
      </c>
      <c r="C814" s="2">
        <v>4055</v>
      </c>
      <c r="D814" s="2">
        <v>3860</v>
      </c>
      <c r="E814" s="13">
        <v>5672</v>
      </c>
    </row>
    <row r="815" spans="1:5" ht="12.75" hidden="1" outlineLevel="1">
      <c r="A815" s="1" t="s">
        <v>807</v>
      </c>
      <c r="B815" s="2">
        <v>1555</v>
      </c>
      <c r="C815" s="2">
        <v>1485</v>
      </c>
      <c r="D815" s="2">
        <v>1415</v>
      </c>
      <c r="E815" s="13">
        <v>5867</v>
      </c>
    </row>
    <row r="816" spans="1:5" ht="12.75" hidden="1" outlineLevel="1">
      <c r="A816" s="1" t="s">
        <v>808</v>
      </c>
      <c r="B816" s="2">
        <v>1555</v>
      </c>
      <c r="C816" s="2">
        <v>1485</v>
      </c>
      <c r="D816" s="2">
        <v>1415</v>
      </c>
      <c r="E816" s="13">
        <v>5868</v>
      </c>
    </row>
    <row r="817" spans="1:5" ht="12.75" hidden="1" outlineLevel="1">
      <c r="A817" s="1" t="s">
        <v>809</v>
      </c>
      <c r="B817" s="2">
        <v>1555</v>
      </c>
      <c r="C817" s="2">
        <v>1485</v>
      </c>
      <c r="D817" s="2">
        <v>1415</v>
      </c>
      <c r="E817" s="13">
        <v>3843</v>
      </c>
    </row>
    <row r="818" spans="1:5" ht="12.75" hidden="1" outlineLevel="1">
      <c r="A818" s="1" t="s">
        <v>810</v>
      </c>
      <c r="B818" s="2">
        <v>20290</v>
      </c>
      <c r="C818" s="2">
        <v>19370</v>
      </c>
      <c r="D818" s="2">
        <v>18450</v>
      </c>
      <c r="E818" s="13">
        <v>8325</v>
      </c>
    </row>
    <row r="819" spans="1:5" ht="12.75" hidden="1" outlineLevel="1">
      <c r="A819" s="1" t="s">
        <v>811</v>
      </c>
      <c r="B819" s="2">
        <v>20290</v>
      </c>
      <c r="C819" s="2">
        <v>19370</v>
      </c>
      <c r="D819" s="2">
        <v>18450</v>
      </c>
      <c r="E819" s="13">
        <v>8260</v>
      </c>
    </row>
    <row r="820" spans="1:5" ht="12.75" hidden="1" outlineLevel="1">
      <c r="A820" s="1" t="s">
        <v>812</v>
      </c>
      <c r="B820" s="2">
        <v>20290</v>
      </c>
      <c r="C820" s="2">
        <v>19370</v>
      </c>
      <c r="D820" s="2">
        <v>18450</v>
      </c>
      <c r="E820" s="13">
        <v>8261</v>
      </c>
    </row>
    <row r="821" spans="1:5" ht="12.75" hidden="1" outlineLevel="1">
      <c r="A821" s="1" t="s">
        <v>813</v>
      </c>
      <c r="B821" s="2">
        <v>20290</v>
      </c>
      <c r="C821" s="2">
        <v>19370</v>
      </c>
      <c r="D821" s="2">
        <v>18450</v>
      </c>
      <c r="E821" s="13">
        <v>8328</v>
      </c>
    </row>
    <row r="822" spans="1:5" ht="12.75" hidden="1" outlineLevel="1">
      <c r="A822" s="1" t="s">
        <v>814</v>
      </c>
      <c r="B822" s="2">
        <v>20290</v>
      </c>
      <c r="C822" s="2">
        <v>19370</v>
      </c>
      <c r="D822" s="2">
        <v>18450</v>
      </c>
      <c r="E822" s="13">
        <v>6420</v>
      </c>
    </row>
    <row r="823" spans="1:5" ht="29.25" hidden="1" outlineLevel="1">
      <c r="A823" s="1" t="s">
        <v>815</v>
      </c>
      <c r="B823" s="2">
        <v>6510</v>
      </c>
      <c r="C823" s="2">
        <v>6215</v>
      </c>
      <c r="D823" s="2">
        <v>5920</v>
      </c>
      <c r="E823" s="13">
        <v>5673</v>
      </c>
    </row>
    <row r="824" spans="1:5" ht="19.5" hidden="1" outlineLevel="1">
      <c r="A824" s="1" t="s">
        <v>816</v>
      </c>
      <c r="B824" s="2">
        <v>1415</v>
      </c>
      <c r="C824" s="2">
        <v>1350</v>
      </c>
      <c r="D824" s="2">
        <v>1285</v>
      </c>
      <c r="E824" s="13">
        <v>6545</v>
      </c>
    </row>
    <row r="825" spans="1:5" ht="19.5" hidden="1" outlineLevel="1">
      <c r="A825" s="1" t="s">
        <v>817</v>
      </c>
      <c r="B825" s="2">
        <v>1415</v>
      </c>
      <c r="C825" s="2">
        <v>1350</v>
      </c>
      <c r="D825" s="2">
        <v>1285</v>
      </c>
      <c r="E825" s="13">
        <v>1418</v>
      </c>
    </row>
    <row r="826" spans="1:5" ht="19.5" hidden="1" outlineLevel="1">
      <c r="A826" s="1" t="s">
        <v>818</v>
      </c>
      <c r="B826" s="2">
        <v>1415</v>
      </c>
      <c r="C826" s="2">
        <v>1350</v>
      </c>
      <c r="D826" s="2">
        <v>1285</v>
      </c>
      <c r="E826" s="13">
        <v>1768</v>
      </c>
    </row>
    <row r="827" spans="1:5" ht="12.75" hidden="1" outlineLevel="1">
      <c r="A827" s="1" t="s">
        <v>819</v>
      </c>
      <c r="B827" s="2">
        <v>3065</v>
      </c>
      <c r="C827" s="2">
        <v>2930</v>
      </c>
      <c r="D827" s="2">
        <v>2790</v>
      </c>
      <c r="E827" s="13">
        <v>8056</v>
      </c>
    </row>
    <row r="828" spans="1:5" ht="19.5" hidden="1" outlineLevel="1">
      <c r="A828" s="1" t="s">
        <v>820</v>
      </c>
      <c r="B828" s="2">
        <v>945</v>
      </c>
      <c r="C828" s="2">
        <v>900</v>
      </c>
      <c r="D828" s="2">
        <v>860</v>
      </c>
      <c r="E828" s="13">
        <v>8439</v>
      </c>
    </row>
    <row r="829" spans="1:5" ht="19.5" hidden="1" outlineLevel="1">
      <c r="A829" s="1" t="s">
        <v>821</v>
      </c>
      <c r="B829" s="2">
        <v>945</v>
      </c>
      <c r="C829" s="2">
        <v>900</v>
      </c>
      <c r="D829" s="2">
        <v>860</v>
      </c>
      <c r="E829" s="13">
        <v>8440</v>
      </c>
    </row>
    <row r="830" spans="1:5" ht="19.5" hidden="1" outlineLevel="1">
      <c r="A830" s="1" t="s">
        <v>822</v>
      </c>
      <c r="B830" s="2">
        <v>945</v>
      </c>
      <c r="C830" s="2">
        <v>900</v>
      </c>
      <c r="D830" s="2">
        <v>860</v>
      </c>
      <c r="E830" s="13">
        <v>3815</v>
      </c>
    </row>
    <row r="831" spans="1:5" ht="12.75" hidden="1" outlineLevel="1">
      <c r="A831" s="1" t="s">
        <v>823</v>
      </c>
      <c r="B831" s="2">
        <v>945</v>
      </c>
      <c r="C831" s="2">
        <v>900</v>
      </c>
      <c r="D831" s="2">
        <v>860</v>
      </c>
      <c r="E831" s="13">
        <v>4544</v>
      </c>
    </row>
    <row r="832" spans="1:5" ht="12.75" hidden="1" outlineLevel="1">
      <c r="A832" s="1" t="s">
        <v>824</v>
      </c>
      <c r="B832" s="2">
        <v>945</v>
      </c>
      <c r="C832" s="2">
        <v>900</v>
      </c>
      <c r="D832" s="2">
        <v>860</v>
      </c>
      <c r="E832" s="13">
        <v>856</v>
      </c>
    </row>
    <row r="833" spans="1:5" ht="12.75" hidden="1" outlineLevel="1">
      <c r="A833" s="1" t="s">
        <v>825</v>
      </c>
      <c r="B833" s="2">
        <v>5665</v>
      </c>
      <c r="C833" s="2">
        <v>5405</v>
      </c>
      <c r="D833" s="2">
        <v>5150</v>
      </c>
      <c r="E833" s="13">
        <v>5298</v>
      </c>
    </row>
    <row r="834" spans="1:5" ht="12.75" hidden="1" outlineLevel="1">
      <c r="A834" s="1" t="s">
        <v>826</v>
      </c>
      <c r="B834" s="2">
        <v>5665</v>
      </c>
      <c r="C834" s="2">
        <v>5405</v>
      </c>
      <c r="D834" s="2">
        <v>5150</v>
      </c>
      <c r="E834" s="13">
        <v>5296</v>
      </c>
    </row>
    <row r="835" spans="1:5" ht="12.75" hidden="1" outlineLevel="1">
      <c r="A835" s="1" t="s">
        <v>827</v>
      </c>
      <c r="B835" s="2">
        <v>2170</v>
      </c>
      <c r="C835" s="2">
        <v>2070</v>
      </c>
      <c r="D835" s="2">
        <v>1975</v>
      </c>
      <c r="E835" s="13">
        <v>1397</v>
      </c>
    </row>
    <row r="836" spans="1:5" ht="12.75" hidden="1" outlineLevel="1">
      <c r="A836" s="1" t="s">
        <v>828</v>
      </c>
      <c r="B836" s="2">
        <v>2645</v>
      </c>
      <c r="C836" s="2">
        <v>2525</v>
      </c>
      <c r="D836" s="2">
        <v>2400</v>
      </c>
      <c r="E836" s="13">
        <v>3243</v>
      </c>
    </row>
    <row r="837" spans="1:5" ht="12.75" hidden="1" outlineLevel="1">
      <c r="A837" s="1" t="s">
        <v>829</v>
      </c>
      <c r="B837" s="2">
        <v>2645</v>
      </c>
      <c r="C837" s="2">
        <v>2525</v>
      </c>
      <c r="D837" s="2">
        <v>2400</v>
      </c>
      <c r="E837" s="13">
        <v>3362</v>
      </c>
    </row>
    <row r="838" spans="1:5" ht="12.75" hidden="1" outlineLevel="1">
      <c r="A838" s="1" t="s">
        <v>830</v>
      </c>
      <c r="B838" s="2">
        <v>1890</v>
      </c>
      <c r="C838" s="2">
        <v>1800</v>
      </c>
      <c r="D838" s="2">
        <v>1715</v>
      </c>
      <c r="E838" s="13">
        <v>7651</v>
      </c>
    </row>
    <row r="839" spans="1:5" ht="12.75" hidden="1" outlineLevel="1">
      <c r="A839" s="1" t="s">
        <v>831</v>
      </c>
      <c r="B839" s="2">
        <v>3305</v>
      </c>
      <c r="C839" s="2">
        <v>3155</v>
      </c>
      <c r="D839" s="2">
        <v>3005</v>
      </c>
      <c r="E839" s="13">
        <v>1715</v>
      </c>
    </row>
    <row r="840" spans="1:5" ht="12.75" hidden="1" outlineLevel="1">
      <c r="A840" s="1" t="s">
        <v>832</v>
      </c>
      <c r="B840" s="2">
        <v>2595</v>
      </c>
      <c r="C840" s="2">
        <v>2475</v>
      </c>
      <c r="D840" s="2">
        <v>2360</v>
      </c>
      <c r="E840" s="13">
        <v>6875</v>
      </c>
    </row>
    <row r="841" spans="1:5" ht="12.75" hidden="1" outlineLevel="1">
      <c r="A841" s="1" t="s">
        <v>833</v>
      </c>
      <c r="B841" s="2">
        <v>2595</v>
      </c>
      <c r="C841" s="2">
        <v>2475</v>
      </c>
      <c r="D841" s="2">
        <v>2360</v>
      </c>
      <c r="E841" s="13">
        <v>3875</v>
      </c>
    </row>
    <row r="842" spans="1:5" ht="12.75" hidden="1" outlineLevel="1">
      <c r="A842" s="1" t="s">
        <v>834</v>
      </c>
      <c r="B842" s="2">
        <v>2595</v>
      </c>
      <c r="C842" s="2">
        <v>2475</v>
      </c>
      <c r="D842" s="2">
        <v>2360</v>
      </c>
      <c r="E842" s="13">
        <v>4651</v>
      </c>
    </row>
    <row r="843" spans="1:5" ht="12.75" hidden="1" outlineLevel="1">
      <c r="A843" s="1" t="s">
        <v>835</v>
      </c>
      <c r="B843" s="2">
        <v>4245</v>
      </c>
      <c r="C843" s="2">
        <v>4055</v>
      </c>
      <c r="D843" s="2">
        <v>3860</v>
      </c>
      <c r="E843" s="13">
        <v>858</v>
      </c>
    </row>
    <row r="844" spans="1:5" ht="12.75" hidden="1" outlineLevel="1">
      <c r="A844" s="1" t="s">
        <v>836</v>
      </c>
      <c r="B844" s="2">
        <v>4245</v>
      </c>
      <c r="C844" s="2">
        <v>4055</v>
      </c>
      <c r="D844" s="2">
        <v>3860</v>
      </c>
      <c r="E844" s="13">
        <v>852</v>
      </c>
    </row>
    <row r="845" spans="1:5" ht="12.75" hidden="1" outlineLevel="1">
      <c r="A845" s="1" t="s">
        <v>837</v>
      </c>
      <c r="B845" s="2">
        <v>4245</v>
      </c>
      <c r="C845" s="2">
        <v>4055</v>
      </c>
      <c r="D845" s="2">
        <v>3860</v>
      </c>
      <c r="E845" s="13">
        <v>1555</v>
      </c>
    </row>
    <row r="846" spans="1:5" ht="12.75" hidden="1" outlineLevel="1">
      <c r="A846" s="1" t="s">
        <v>838</v>
      </c>
      <c r="B846" s="2">
        <v>4245</v>
      </c>
      <c r="C846" s="2">
        <v>4055</v>
      </c>
      <c r="D846" s="2">
        <v>3860</v>
      </c>
      <c r="E846" s="13">
        <v>6455</v>
      </c>
    </row>
    <row r="847" spans="1:5" ht="12.75" hidden="1" outlineLevel="1">
      <c r="A847" s="1" t="s">
        <v>839</v>
      </c>
      <c r="B847" s="2">
        <v>5190</v>
      </c>
      <c r="C847" s="2">
        <v>4955</v>
      </c>
      <c r="D847" s="2">
        <v>4720</v>
      </c>
      <c r="E847" s="13">
        <v>7654</v>
      </c>
    </row>
    <row r="848" spans="1:5" ht="12.75" hidden="1" outlineLevel="1">
      <c r="A848" s="1" t="s">
        <v>840</v>
      </c>
      <c r="B848" s="2">
        <v>1415</v>
      </c>
      <c r="C848" s="2">
        <v>1350</v>
      </c>
      <c r="D848" s="2">
        <v>1285</v>
      </c>
      <c r="E848" s="13">
        <v>5833</v>
      </c>
    </row>
    <row r="849" spans="1:5" ht="12.75" hidden="1" outlineLevel="1">
      <c r="A849" s="1" t="s">
        <v>841</v>
      </c>
      <c r="B849" s="2">
        <v>1415</v>
      </c>
      <c r="C849" s="2">
        <v>1350</v>
      </c>
      <c r="D849" s="2">
        <v>1285</v>
      </c>
      <c r="E849" s="13">
        <v>5834</v>
      </c>
    </row>
    <row r="850" spans="1:5" ht="12.75" hidden="1" outlineLevel="1">
      <c r="A850" s="1" t="s">
        <v>842</v>
      </c>
      <c r="B850" s="2">
        <v>1415</v>
      </c>
      <c r="C850" s="2">
        <v>1350</v>
      </c>
      <c r="D850" s="2">
        <v>1285</v>
      </c>
      <c r="E850" s="13">
        <v>5835</v>
      </c>
    </row>
    <row r="851" spans="1:5" ht="12.75" hidden="1" outlineLevel="1">
      <c r="A851" s="1" t="s">
        <v>843</v>
      </c>
      <c r="B851" s="2">
        <v>472</v>
      </c>
      <c r="C851" s="2">
        <v>451</v>
      </c>
      <c r="D851" s="2">
        <v>429</v>
      </c>
      <c r="E851" s="13">
        <v>1501</v>
      </c>
    </row>
    <row r="852" spans="1:5" ht="12.75" hidden="1" outlineLevel="1">
      <c r="A852" s="1" t="s">
        <v>844</v>
      </c>
      <c r="B852" s="2">
        <v>472</v>
      </c>
      <c r="C852" s="2">
        <v>451</v>
      </c>
      <c r="D852" s="2">
        <v>429</v>
      </c>
      <c r="E852" s="13">
        <v>50</v>
      </c>
    </row>
    <row r="853" spans="1:5" ht="12.75" hidden="1" outlineLevel="1">
      <c r="A853" s="1" t="s">
        <v>845</v>
      </c>
      <c r="B853" s="2">
        <v>472</v>
      </c>
      <c r="C853" s="2">
        <v>451</v>
      </c>
      <c r="D853" s="2">
        <v>429</v>
      </c>
      <c r="E853" s="13">
        <v>52</v>
      </c>
    </row>
    <row r="854" spans="1:5" ht="12.75" hidden="1" outlineLevel="1">
      <c r="A854" s="1" t="s">
        <v>846</v>
      </c>
      <c r="B854" s="2">
        <v>472</v>
      </c>
      <c r="C854" s="2">
        <v>451</v>
      </c>
      <c r="D854" s="2">
        <v>429</v>
      </c>
      <c r="E854" s="13">
        <v>135</v>
      </c>
    </row>
    <row r="855" spans="1:5" ht="12.75" hidden="1" outlineLevel="1">
      <c r="A855" s="1" t="s">
        <v>847</v>
      </c>
      <c r="B855" s="2">
        <v>472</v>
      </c>
      <c r="C855" s="2">
        <v>451</v>
      </c>
      <c r="D855" s="2">
        <v>429</v>
      </c>
      <c r="E855" s="13">
        <v>51</v>
      </c>
    </row>
    <row r="856" spans="1:5" ht="12.75" hidden="1" outlineLevel="1">
      <c r="A856" s="1" t="s">
        <v>848</v>
      </c>
      <c r="B856" s="2">
        <v>236</v>
      </c>
      <c r="C856" s="2">
        <v>225.2</v>
      </c>
      <c r="D856" s="2">
        <v>214.5</v>
      </c>
      <c r="E856" s="13">
        <v>1541</v>
      </c>
    </row>
    <row r="857" spans="1:5" ht="12.75" hidden="1" outlineLevel="1">
      <c r="A857" s="1" t="s">
        <v>849</v>
      </c>
      <c r="B857" s="2">
        <v>236</v>
      </c>
      <c r="C857" s="2">
        <v>225.2</v>
      </c>
      <c r="D857" s="2">
        <v>214.5</v>
      </c>
      <c r="E857" s="13">
        <v>1542</v>
      </c>
    </row>
    <row r="858" spans="1:5" ht="12.75" hidden="1" outlineLevel="1">
      <c r="A858" s="1" t="s">
        <v>850</v>
      </c>
      <c r="B858" s="2">
        <v>1890</v>
      </c>
      <c r="C858" s="2">
        <v>1800</v>
      </c>
      <c r="D858" s="2">
        <v>1715</v>
      </c>
      <c r="E858" s="13">
        <v>3721</v>
      </c>
    </row>
    <row r="859" spans="1:5" ht="12.75" hidden="1" outlineLevel="1">
      <c r="A859" s="1" t="s">
        <v>851</v>
      </c>
      <c r="B859" s="2">
        <v>2125</v>
      </c>
      <c r="C859" s="2">
        <v>2025</v>
      </c>
      <c r="D859" s="2">
        <v>1930</v>
      </c>
      <c r="E859" s="13">
        <v>3720</v>
      </c>
    </row>
    <row r="860" spans="1:5" ht="19.5" hidden="1" outlineLevel="1">
      <c r="A860" s="1" t="s">
        <v>852</v>
      </c>
      <c r="B860" s="2">
        <v>1650</v>
      </c>
      <c r="C860" s="2">
        <v>1575</v>
      </c>
      <c r="D860" s="2">
        <v>1500</v>
      </c>
      <c r="E860" s="13">
        <v>3719</v>
      </c>
    </row>
    <row r="861" spans="1:5" ht="12.75" hidden="1" outlineLevel="1">
      <c r="A861" s="1" t="s">
        <v>853</v>
      </c>
      <c r="B861" s="2">
        <v>472</v>
      </c>
      <c r="C861" s="2">
        <v>451</v>
      </c>
      <c r="D861" s="2">
        <v>429</v>
      </c>
      <c r="E861" s="13">
        <v>4251</v>
      </c>
    </row>
    <row r="862" spans="1:5" ht="12.75" hidden="1" outlineLevel="1">
      <c r="A862" s="1" t="s">
        <v>854</v>
      </c>
      <c r="B862" s="2">
        <v>472</v>
      </c>
      <c r="C862" s="2">
        <v>451</v>
      </c>
      <c r="D862" s="2">
        <v>429</v>
      </c>
      <c r="E862" s="13">
        <v>4079</v>
      </c>
    </row>
    <row r="863" spans="1:5" ht="12.75" hidden="1" outlineLevel="1">
      <c r="A863" s="1" t="s">
        <v>855</v>
      </c>
      <c r="B863" s="2">
        <v>472</v>
      </c>
      <c r="C863" s="2">
        <v>451</v>
      </c>
      <c r="D863" s="2">
        <v>429</v>
      </c>
      <c r="E863" s="13">
        <v>884</v>
      </c>
    </row>
    <row r="864" spans="1:5" ht="12.75" hidden="1" outlineLevel="1">
      <c r="A864" s="1" t="s">
        <v>856</v>
      </c>
      <c r="B864" s="2">
        <v>472</v>
      </c>
      <c r="C864" s="2">
        <v>451</v>
      </c>
      <c r="D864" s="2">
        <v>429</v>
      </c>
      <c r="E864" s="13">
        <v>883</v>
      </c>
    </row>
    <row r="865" spans="1:5" ht="12.75" hidden="1" outlineLevel="1">
      <c r="A865" s="1" t="s">
        <v>857</v>
      </c>
      <c r="B865" s="2">
        <v>472</v>
      </c>
      <c r="C865" s="2">
        <v>451</v>
      </c>
      <c r="D865" s="2">
        <v>429</v>
      </c>
      <c r="E865" s="13">
        <v>4577</v>
      </c>
    </row>
    <row r="866" spans="1:5" ht="12.75" hidden="1" outlineLevel="1">
      <c r="A866" s="1" t="s">
        <v>858</v>
      </c>
      <c r="B866" s="2">
        <v>472</v>
      </c>
      <c r="C866" s="2">
        <v>451</v>
      </c>
      <c r="D866" s="2">
        <v>429</v>
      </c>
      <c r="E866" s="13">
        <v>876</v>
      </c>
    </row>
    <row r="867" spans="1:5" ht="19.5" hidden="1" outlineLevel="1">
      <c r="A867" s="1" t="s">
        <v>859</v>
      </c>
      <c r="B867" s="2">
        <v>472</v>
      </c>
      <c r="C867" s="2">
        <v>451</v>
      </c>
      <c r="D867" s="2">
        <v>429</v>
      </c>
      <c r="E867" s="13">
        <v>7355</v>
      </c>
    </row>
    <row r="868" spans="1:5" ht="12.75" hidden="1" outlineLevel="1">
      <c r="A868" s="1" t="s">
        <v>860</v>
      </c>
      <c r="B868" s="2">
        <v>472</v>
      </c>
      <c r="C868" s="2">
        <v>451</v>
      </c>
      <c r="D868" s="2">
        <v>429</v>
      </c>
      <c r="E868" s="13">
        <v>878</v>
      </c>
    </row>
    <row r="869" spans="1:5" ht="12.75" hidden="1" outlineLevel="1">
      <c r="A869" s="1" t="s">
        <v>861</v>
      </c>
      <c r="B869" s="2">
        <v>472</v>
      </c>
      <c r="C869" s="2">
        <v>451</v>
      </c>
      <c r="D869" s="2">
        <v>429</v>
      </c>
      <c r="E869" s="13">
        <v>3145</v>
      </c>
    </row>
    <row r="870" spans="1:5" ht="12.75" hidden="1" outlineLevel="1">
      <c r="A870" s="1" t="s">
        <v>862</v>
      </c>
      <c r="B870" s="2">
        <v>472</v>
      </c>
      <c r="C870" s="2">
        <v>451</v>
      </c>
      <c r="D870" s="2">
        <v>429</v>
      </c>
      <c r="E870" s="13">
        <v>848</v>
      </c>
    </row>
    <row r="871" spans="1:5" ht="12.75" hidden="1" outlineLevel="1">
      <c r="A871" s="1" t="s">
        <v>863</v>
      </c>
      <c r="B871" s="2">
        <v>472</v>
      </c>
      <c r="C871" s="2">
        <v>451</v>
      </c>
      <c r="D871" s="2">
        <v>429</v>
      </c>
      <c r="E871" s="13">
        <v>8647</v>
      </c>
    </row>
    <row r="872" spans="1:5" ht="12.75" hidden="1" outlineLevel="1">
      <c r="A872" s="1" t="s">
        <v>864</v>
      </c>
      <c r="B872" s="2">
        <v>472</v>
      </c>
      <c r="C872" s="2">
        <v>451</v>
      </c>
      <c r="D872" s="2">
        <v>429</v>
      </c>
      <c r="E872" s="13">
        <v>8648</v>
      </c>
    </row>
    <row r="873" spans="1:5" ht="12.75" hidden="1" outlineLevel="1">
      <c r="A873" s="1" t="s">
        <v>865</v>
      </c>
      <c r="B873" s="2">
        <v>472</v>
      </c>
      <c r="C873" s="2">
        <v>451</v>
      </c>
      <c r="D873" s="2">
        <v>429</v>
      </c>
      <c r="E873" s="13">
        <v>8649</v>
      </c>
    </row>
    <row r="874" spans="1:5" ht="12.75" hidden="1" outlineLevel="1">
      <c r="A874" s="1" t="s">
        <v>866</v>
      </c>
      <c r="B874" s="2">
        <v>472</v>
      </c>
      <c r="C874" s="2">
        <v>451</v>
      </c>
      <c r="D874" s="2">
        <v>429</v>
      </c>
      <c r="E874" s="13">
        <v>8650</v>
      </c>
    </row>
    <row r="875" spans="1:5" ht="12.75" hidden="1" outlineLevel="1">
      <c r="A875" s="1" t="s">
        <v>867</v>
      </c>
      <c r="B875" s="2">
        <v>472</v>
      </c>
      <c r="C875" s="2">
        <v>451</v>
      </c>
      <c r="D875" s="2">
        <v>429</v>
      </c>
      <c r="E875" s="13">
        <v>8651</v>
      </c>
    </row>
    <row r="876" spans="1:5" ht="12.75" hidden="1" outlineLevel="1">
      <c r="A876" s="1" t="s">
        <v>868</v>
      </c>
      <c r="B876" s="2">
        <v>472</v>
      </c>
      <c r="C876" s="2">
        <v>451</v>
      </c>
      <c r="D876" s="2">
        <v>429</v>
      </c>
      <c r="E876" s="13">
        <v>8652</v>
      </c>
    </row>
    <row r="877" spans="1:5" ht="12.75" hidden="1" outlineLevel="1">
      <c r="A877" s="1" t="s">
        <v>869</v>
      </c>
      <c r="B877" s="2">
        <v>472</v>
      </c>
      <c r="C877" s="2">
        <v>451</v>
      </c>
      <c r="D877" s="2">
        <v>429</v>
      </c>
      <c r="E877" s="13">
        <v>6239</v>
      </c>
    </row>
    <row r="878" spans="1:5" ht="12.75" hidden="1" outlineLevel="1">
      <c r="A878" s="1" t="s">
        <v>870</v>
      </c>
      <c r="B878" s="2">
        <v>472</v>
      </c>
      <c r="C878" s="2">
        <v>451</v>
      </c>
      <c r="D878" s="2">
        <v>429</v>
      </c>
      <c r="E878" s="13">
        <v>6240</v>
      </c>
    </row>
    <row r="879" spans="1:5" ht="12.75" hidden="1" outlineLevel="1">
      <c r="A879" s="1" t="s">
        <v>871</v>
      </c>
      <c r="B879" s="2">
        <v>472</v>
      </c>
      <c r="C879" s="2">
        <v>451</v>
      </c>
      <c r="D879" s="2">
        <v>429</v>
      </c>
      <c r="E879" s="13">
        <v>6241</v>
      </c>
    </row>
    <row r="880" spans="1:5" ht="12.75" hidden="1" outlineLevel="1">
      <c r="A880" s="1" t="s">
        <v>872</v>
      </c>
      <c r="B880" s="2">
        <v>472</v>
      </c>
      <c r="C880" s="2">
        <v>451</v>
      </c>
      <c r="D880" s="2">
        <v>429</v>
      </c>
      <c r="E880" s="13">
        <v>6242</v>
      </c>
    </row>
    <row r="881" spans="1:5" ht="12.75" hidden="1" outlineLevel="1">
      <c r="A881" s="1" t="s">
        <v>873</v>
      </c>
      <c r="B881" s="2">
        <v>472</v>
      </c>
      <c r="C881" s="2">
        <v>451</v>
      </c>
      <c r="D881" s="2">
        <v>429</v>
      </c>
      <c r="E881" s="13">
        <v>6243</v>
      </c>
    </row>
    <row r="882" spans="1:5" ht="12.75" hidden="1" outlineLevel="1">
      <c r="A882" s="1" t="s">
        <v>874</v>
      </c>
      <c r="B882" s="2">
        <v>472</v>
      </c>
      <c r="C882" s="2">
        <v>451</v>
      </c>
      <c r="D882" s="2">
        <v>429</v>
      </c>
      <c r="E882" s="13">
        <v>6244</v>
      </c>
    </row>
    <row r="883" spans="1:5" ht="12.75" hidden="1" outlineLevel="1">
      <c r="A883" s="1" t="s">
        <v>875</v>
      </c>
      <c r="B883" s="2">
        <v>472</v>
      </c>
      <c r="C883" s="2">
        <v>451</v>
      </c>
      <c r="D883" s="2">
        <v>429</v>
      </c>
      <c r="E883" s="13">
        <v>6245</v>
      </c>
    </row>
    <row r="884" spans="1:5" ht="12.75" hidden="1" outlineLevel="1">
      <c r="A884" s="1" t="s">
        <v>876</v>
      </c>
      <c r="B884" s="2">
        <v>710</v>
      </c>
      <c r="C884" s="2">
        <v>676</v>
      </c>
      <c r="D884" s="2">
        <v>644</v>
      </c>
      <c r="E884" s="13">
        <v>5120</v>
      </c>
    </row>
    <row r="885" spans="1:5" ht="12.75" hidden="1" outlineLevel="1">
      <c r="A885" s="1" t="s">
        <v>877</v>
      </c>
      <c r="B885" s="2">
        <v>710</v>
      </c>
      <c r="C885" s="2">
        <v>676</v>
      </c>
      <c r="D885" s="2">
        <v>644</v>
      </c>
      <c r="E885" s="13">
        <v>1394</v>
      </c>
    </row>
    <row r="886" spans="1:5" ht="12.75" hidden="1" outlineLevel="1">
      <c r="A886" s="1" t="s">
        <v>878</v>
      </c>
      <c r="B886" s="2">
        <v>710</v>
      </c>
      <c r="C886" s="2">
        <v>676</v>
      </c>
      <c r="D886" s="2">
        <v>644</v>
      </c>
      <c r="E886" s="13">
        <v>4578</v>
      </c>
    </row>
    <row r="887" spans="1:5" ht="12.75" hidden="1" outlineLevel="1">
      <c r="A887" s="1" t="s">
        <v>879</v>
      </c>
      <c r="B887" s="2">
        <v>710</v>
      </c>
      <c r="C887" s="2">
        <v>676</v>
      </c>
      <c r="D887" s="2">
        <v>644</v>
      </c>
      <c r="E887" s="13">
        <v>7354</v>
      </c>
    </row>
    <row r="888" spans="1:5" ht="12.75" hidden="1" outlineLevel="1">
      <c r="A888" s="1" t="s">
        <v>880</v>
      </c>
      <c r="B888" s="2">
        <v>710</v>
      </c>
      <c r="C888" s="2">
        <v>676</v>
      </c>
      <c r="D888" s="2">
        <v>644</v>
      </c>
      <c r="E888" s="13">
        <v>5121</v>
      </c>
    </row>
    <row r="889" spans="1:5" ht="12.75" hidden="1" outlineLevel="1">
      <c r="A889" s="1" t="s">
        <v>881</v>
      </c>
      <c r="B889" s="2">
        <v>710</v>
      </c>
      <c r="C889" s="2">
        <v>676</v>
      </c>
      <c r="D889" s="2">
        <v>644</v>
      </c>
      <c r="E889" s="13">
        <v>5122</v>
      </c>
    </row>
    <row r="890" spans="1:5" ht="12.75" hidden="1" outlineLevel="1">
      <c r="A890" s="1" t="s">
        <v>882</v>
      </c>
      <c r="B890" s="2">
        <v>710</v>
      </c>
      <c r="C890" s="2">
        <v>676</v>
      </c>
      <c r="D890" s="2">
        <v>644</v>
      </c>
      <c r="E890" s="13">
        <v>7356</v>
      </c>
    </row>
    <row r="891" spans="1:5" ht="12.75" hidden="1" outlineLevel="1">
      <c r="A891" s="1" t="s">
        <v>883</v>
      </c>
      <c r="B891" s="2">
        <v>710</v>
      </c>
      <c r="C891" s="2">
        <v>676</v>
      </c>
      <c r="D891" s="2">
        <v>644</v>
      </c>
      <c r="E891" s="13">
        <v>7357</v>
      </c>
    </row>
    <row r="892" spans="1:5" ht="12.75" hidden="1" outlineLevel="1">
      <c r="A892" s="1" t="s">
        <v>884</v>
      </c>
      <c r="B892" s="2">
        <v>710</v>
      </c>
      <c r="C892" s="2">
        <v>676</v>
      </c>
      <c r="D892" s="2">
        <v>644</v>
      </c>
      <c r="E892" s="13">
        <v>7358</v>
      </c>
    </row>
    <row r="893" spans="1:5" ht="12.75" hidden="1" outlineLevel="1">
      <c r="A893" s="1" t="s">
        <v>885</v>
      </c>
      <c r="B893" s="2">
        <v>710</v>
      </c>
      <c r="C893" s="2">
        <v>676</v>
      </c>
      <c r="D893" s="2">
        <v>644</v>
      </c>
      <c r="E893" s="13">
        <v>5621</v>
      </c>
    </row>
    <row r="894" spans="1:5" ht="12.75" hidden="1" outlineLevel="1">
      <c r="A894" s="1" t="s">
        <v>886</v>
      </c>
      <c r="B894" s="2">
        <v>710</v>
      </c>
      <c r="C894" s="2">
        <v>676</v>
      </c>
      <c r="D894" s="2">
        <v>644</v>
      </c>
      <c r="E894" s="13">
        <v>5852</v>
      </c>
    </row>
    <row r="895" spans="1:5" ht="12.75" hidden="1" outlineLevel="1">
      <c r="A895" s="1" t="s">
        <v>887</v>
      </c>
      <c r="B895" s="2">
        <v>710</v>
      </c>
      <c r="C895" s="2">
        <v>676</v>
      </c>
      <c r="D895" s="2">
        <v>644</v>
      </c>
      <c r="E895" s="13">
        <v>5853</v>
      </c>
    </row>
    <row r="896" spans="1:5" ht="12.75" hidden="1" outlineLevel="1">
      <c r="A896" s="1" t="s">
        <v>888</v>
      </c>
      <c r="B896" s="2">
        <v>710</v>
      </c>
      <c r="C896" s="2">
        <v>676</v>
      </c>
      <c r="D896" s="2">
        <v>644</v>
      </c>
      <c r="E896" s="13">
        <v>6842</v>
      </c>
    </row>
    <row r="897" spans="1:5" ht="12.75" hidden="1" outlineLevel="1">
      <c r="A897" s="1" t="s">
        <v>889</v>
      </c>
      <c r="B897" s="2">
        <v>710</v>
      </c>
      <c r="C897" s="2">
        <v>676</v>
      </c>
      <c r="D897" s="2">
        <v>644</v>
      </c>
      <c r="E897" s="13">
        <v>6843</v>
      </c>
    </row>
    <row r="898" spans="1:5" ht="12.75" hidden="1" outlineLevel="1">
      <c r="A898" s="1" t="s">
        <v>890</v>
      </c>
      <c r="B898" s="2">
        <v>710</v>
      </c>
      <c r="C898" s="2">
        <v>676</v>
      </c>
      <c r="D898" s="2">
        <v>644</v>
      </c>
      <c r="E898" s="13">
        <v>6844</v>
      </c>
    </row>
    <row r="899" spans="1:5" ht="12.75" hidden="1" outlineLevel="1">
      <c r="A899" s="1" t="s">
        <v>891</v>
      </c>
      <c r="B899" s="2">
        <v>710</v>
      </c>
      <c r="C899" s="2">
        <v>676</v>
      </c>
      <c r="D899" s="2">
        <v>644</v>
      </c>
      <c r="E899" s="13">
        <v>6845</v>
      </c>
    </row>
    <row r="900" spans="1:5" ht="12.75" hidden="1" outlineLevel="1">
      <c r="A900" s="1" t="s">
        <v>892</v>
      </c>
      <c r="B900" s="2">
        <v>1650</v>
      </c>
      <c r="C900" s="2">
        <v>1575</v>
      </c>
      <c r="D900" s="2">
        <v>1500</v>
      </c>
      <c r="E900" s="13">
        <v>5341</v>
      </c>
    </row>
    <row r="901" spans="1:5" ht="12.75" hidden="1" outlineLevel="1">
      <c r="A901" s="1" t="s">
        <v>893</v>
      </c>
      <c r="B901" s="2">
        <v>1415</v>
      </c>
      <c r="C901" s="2">
        <v>1350</v>
      </c>
      <c r="D901" s="2">
        <v>1285</v>
      </c>
      <c r="E901" s="13">
        <v>5331</v>
      </c>
    </row>
    <row r="902" spans="1:5" ht="12.75" hidden="1" outlineLevel="1">
      <c r="A902" s="1" t="s">
        <v>894</v>
      </c>
      <c r="B902" s="2">
        <v>1415</v>
      </c>
      <c r="C902" s="2">
        <v>1350</v>
      </c>
      <c r="D902" s="2">
        <v>1285</v>
      </c>
      <c r="E902" s="13">
        <v>5332</v>
      </c>
    </row>
    <row r="903" spans="1:5" ht="12.75" hidden="1" outlineLevel="1">
      <c r="A903" s="1" t="s">
        <v>895</v>
      </c>
      <c r="B903" s="2">
        <v>1415</v>
      </c>
      <c r="C903" s="2">
        <v>1350</v>
      </c>
      <c r="D903" s="2">
        <v>1285</v>
      </c>
      <c r="E903" s="13">
        <v>5333</v>
      </c>
    </row>
    <row r="904" spans="1:5" ht="12.75" hidden="1" outlineLevel="1">
      <c r="A904" s="1" t="s">
        <v>896</v>
      </c>
      <c r="B904" s="2">
        <v>1415</v>
      </c>
      <c r="C904" s="2">
        <v>1350</v>
      </c>
      <c r="D904" s="2">
        <v>1285</v>
      </c>
      <c r="E904" s="13">
        <v>5334</v>
      </c>
    </row>
    <row r="905" spans="1:5" ht="12.75" hidden="1" outlineLevel="1">
      <c r="A905" s="1" t="s">
        <v>897</v>
      </c>
      <c r="B905" s="2">
        <v>1415</v>
      </c>
      <c r="C905" s="2">
        <v>1350</v>
      </c>
      <c r="D905" s="2">
        <v>1285</v>
      </c>
      <c r="E905" s="13">
        <v>5335</v>
      </c>
    </row>
    <row r="906" spans="1:5" ht="12.75" hidden="1" outlineLevel="1">
      <c r="A906" s="1" t="s">
        <v>898</v>
      </c>
      <c r="B906" s="2">
        <v>7080</v>
      </c>
      <c r="C906" s="2">
        <v>6755</v>
      </c>
      <c r="D906" s="2">
        <v>6435</v>
      </c>
      <c r="E906" s="13">
        <v>8092</v>
      </c>
    </row>
    <row r="907" spans="1:5" ht="19.5" hidden="1" outlineLevel="1">
      <c r="A907" s="1" t="s">
        <v>899</v>
      </c>
      <c r="B907" s="2">
        <v>472</v>
      </c>
      <c r="C907" s="2">
        <v>451</v>
      </c>
      <c r="D907" s="2">
        <v>429</v>
      </c>
      <c r="E907" s="13">
        <v>3507</v>
      </c>
    </row>
    <row r="908" spans="1:5" ht="12.75" hidden="1" outlineLevel="1">
      <c r="A908" s="1" t="s">
        <v>900</v>
      </c>
      <c r="B908" s="2">
        <v>710</v>
      </c>
      <c r="C908" s="2">
        <v>676</v>
      </c>
      <c r="D908" s="2">
        <v>644</v>
      </c>
      <c r="E908" s="13">
        <v>47</v>
      </c>
    </row>
    <row r="909" spans="1:5" ht="12.75" hidden="1" outlineLevel="1">
      <c r="A909" s="1" t="s">
        <v>901</v>
      </c>
      <c r="B909" s="2">
        <v>710</v>
      </c>
      <c r="C909" s="2">
        <v>676</v>
      </c>
      <c r="D909" s="2">
        <v>644</v>
      </c>
      <c r="E909" s="13">
        <v>3508</v>
      </c>
    </row>
    <row r="910" spans="1:5" ht="12.75" hidden="1" outlineLevel="1">
      <c r="A910" s="1" t="s">
        <v>902</v>
      </c>
      <c r="B910" s="2">
        <v>472</v>
      </c>
      <c r="C910" s="2">
        <v>451</v>
      </c>
      <c r="D910" s="2">
        <v>429</v>
      </c>
      <c r="E910" s="13">
        <v>7361</v>
      </c>
    </row>
    <row r="911" spans="1:5" ht="12.75" hidden="1" outlineLevel="1">
      <c r="A911" s="1" t="s">
        <v>903</v>
      </c>
      <c r="B911" s="2">
        <v>710</v>
      </c>
      <c r="C911" s="2">
        <v>676</v>
      </c>
      <c r="D911" s="2">
        <v>644</v>
      </c>
      <c r="E911" s="13">
        <v>6601</v>
      </c>
    </row>
    <row r="912" spans="1:5" ht="12.75" hidden="1" outlineLevel="1">
      <c r="A912" s="1" t="s">
        <v>904</v>
      </c>
      <c r="B912" s="2">
        <v>755</v>
      </c>
      <c r="C912" s="2">
        <v>720</v>
      </c>
      <c r="D912" s="2">
        <v>686</v>
      </c>
      <c r="E912" s="13">
        <v>6602</v>
      </c>
    </row>
    <row r="913" spans="1:5" ht="12.75" hidden="1" outlineLevel="1">
      <c r="A913" s="1" t="s">
        <v>905</v>
      </c>
      <c r="B913" s="2">
        <v>710</v>
      </c>
      <c r="C913" s="2">
        <v>676</v>
      </c>
      <c r="D913" s="2">
        <v>644</v>
      </c>
      <c r="E913" s="13">
        <v>6603</v>
      </c>
    </row>
    <row r="914" spans="1:5" ht="12.75" hidden="1" outlineLevel="1">
      <c r="A914" s="1" t="s">
        <v>906</v>
      </c>
      <c r="B914" s="2">
        <v>755</v>
      </c>
      <c r="C914" s="2">
        <v>720</v>
      </c>
      <c r="D914" s="2">
        <v>686</v>
      </c>
      <c r="E914" s="13">
        <v>6604</v>
      </c>
    </row>
    <row r="915" spans="1:5" ht="12.75" hidden="1" outlineLevel="1">
      <c r="A915" s="1" t="s">
        <v>907</v>
      </c>
      <c r="B915" s="2">
        <v>755</v>
      </c>
      <c r="C915" s="2">
        <v>720</v>
      </c>
      <c r="D915" s="2">
        <v>686</v>
      </c>
      <c r="E915" s="13">
        <v>6605</v>
      </c>
    </row>
    <row r="916" spans="1:5" ht="12.75" hidden="1" outlineLevel="1">
      <c r="A916" s="1" t="s">
        <v>908</v>
      </c>
      <c r="B916" s="2">
        <v>755</v>
      </c>
      <c r="C916" s="2">
        <v>720</v>
      </c>
      <c r="D916" s="2">
        <v>686</v>
      </c>
      <c r="E916" s="13">
        <v>6606</v>
      </c>
    </row>
    <row r="917" spans="1:5" ht="12.75" hidden="1" outlineLevel="1">
      <c r="A917" s="1" t="s">
        <v>909</v>
      </c>
      <c r="B917" s="2">
        <v>710</v>
      </c>
      <c r="C917" s="2">
        <v>676</v>
      </c>
      <c r="D917" s="2">
        <v>644</v>
      </c>
      <c r="E917" s="13">
        <v>6607</v>
      </c>
    </row>
    <row r="918" spans="1:5" ht="12.75" hidden="1" outlineLevel="1">
      <c r="A918" s="1" t="s">
        <v>910</v>
      </c>
      <c r="B918" s="2">
        <v>710</v>
      </c>
      <c r="C918" s="2">
        <v>676</v>
      </c>
      <c r="D918" s="2">
        <v>644</v>
      </c>
      <c r="E918" s="13">
        <v>6608</v>
      </c>
    </row>
    <row r="919" spans="1:5" ht="12.75" hidden="1" outlineLevel="1">
      <c r="A919" s="1" t="s">
        <v>911</v>
      </c>
      <c r="B919" s="2">
        <v>945</v>
      </c>
      <c r="C919" s="2">
        <v>900</v>
      </c>
      <c r="D919" s="2">
        <v>860</v>
      </c>
      <c r="E919" s="13">
        <v>7363</v>
      </c>
    </row>
    <row r="920" spans="1:5" ht="12.75" hidden="1" outlineLevel="1">
      <c r="A920" s="1" t="s">
        <v>912</v>
      </c>
      <c r="B920" s="2">
        <v>945</v>
      </c>
      <c r="C920" s="2">
        <v>900</v>
      </c>
      <c r="D920" s="2">
        <v>860</v>
      </c>
      <c r="E920" s="13">
        <v>7364</v>
      </c>
    </row>
    <row r="921" spans="1:5" ht="12.75" hidden="1" outlineLevel="1">
      <c r="A921" s="1" t="s">
        <v>913</v>
      </c>
      <c r="B921" s="2">
        <v>945</v>
      </c>
      <c r="C921" s="2">
        <v>900</v>
      </c>
      <c r="D921" s="2">
        <v>860</v>
      </c>
      <c r="E921" s="13">
        <v>7365</v>
      </c>
    </row>
    <row r="922" spans="1:5" ht="12.75" hidden="1" outlineLevel="1">
      <c r="A922" s="1" t="s">
        <v>914</v>
      </c>
      <c r="B922" s="2">
        <v>945</v>
      </c>
      <c r="C922" s="2">
        <v>900</v>
      </c>
      <c r="D922" s="2">
        <v>860</v>
      </c>
      <c r="E922" s="13">
        <v>7362</v>
      </c>
    </row>
    <row r="923" spans="1:5" ht="12.75" hidden="1" outlineLevel="1">
      <c r="A923" s="1" t="s">
        <v>915</v>
      </c>
      <c r="B923" s="2">
        <v>1180</v>
      </c>
      <c r="C923" s="2">
        <v>1125</v>
      </c>
      <c r="D923" s="2">
        <v>1075</v>
      </c>
      <c r="E923" s="13">
        <v>3547</v>
      </c>
    </row>
    <row r="924" spans="1:5" ht="12.75" hidden="1" outlineLevel="1">
      <c r="A924" s="1" t="s">
        <v>916</v>
      </c>
      <c r="B924" s="2">
        <v>1180</v>
      </c>
      <c r="C924" s="2">
        <v>1125</v>
      </c>
      <c r="D924" s="2">
        <v>1075</v>
      </c>
      <c r="E924" s="13">
        <v>3548</v>
      </c>
    </row>
    <row r="925" spans="1:5" ht="12.75" hidden="1" outlineLevel="1">
      <c r="A925" s="1" t="s">
        <v>917</v>
      </c>
      <c r="B925" s="2">
        <v>1180</v>
      </c>
      <c r="C925" s="2">
        <v>1125</v>
      </c>
      <c r="D925" s="2">
        <v>1075</v>
      </c>
      <c r="E925" s="13">
        <v>3549</v>
      </c>
    </row>
    <row r="926" spans="1:5" ht="12.75" hidden="1" outlineLevel="1">
      <c r="A926" s="1" t="s">
        <v>918</v>
      </c>
      <c r="B926" s="2">
        <v>1180</v>
      </c>
      <c r="C926" s="2">
        <v>1125</v>
      </c>
      <c r="D926" s="2">
        <v>1075</v>
      </c>
      <c r="E926" s="13">
        <v>3551</v>
      </c>
    </row>
    <row r="927" spans="1:5" ht="12.75" hidden="1" outlineLevel="1">
      <c r="A927" s="1" t="s">
        <v>919</v>
      </c>
      <c r="B927" s="2">
        <v>1180</v>
      </c>
      <c r="C927" s="2">
        <v>1125</v>
      </c>
      <c r="D927" s="2">
        <v>1075</v>
      </c>
      <c r="E927" s="13">
        <v>3594</v>
      </c>
    </row>
    <row r="928" spans="1:5" ht="12.75" hidden="1" outlineLevel="1">
      <c r="A928" s="1" t="s">
        <v>920</v>
      </c>
      <c r="B928" s="2">
        <v>1180</v>
      </c>
      <c r="C928" s="2">
        <v>1125</v>
      </c>
      <c r="D928" s="2">
        <v>1075</v>
      </c>
      <c r="E928" s="13">
        <v>3595</v>
      </c>
    </row>
    <row r="929" spans="1:5" ht="12.75" hidden="1" outlineLevel="1">
      <c r="A929" s="1" t="s">
        <v>921</v>
      </c>
      <c r="B929" s="2">
        <v>1180</v>
      </c>
      <c r="C929" s="2">
        <v>1125</v>
      </c>
      <c r="D929" s="2">
        <v>1075</v>
      </c>
      <c r="E929" s="13">
        <v>3596</v>
      </c>
    </row>
    <row r="930" spans="1:5" ht="12.75" hidden="1" outlineLevel="1">
      <c r="A930" s="1" t="s">
        <v>922</v>
      </c>
      <c r="B930" s="2">
        <v>1180</v>
      </c>
      <c r="C930" s="2">
        <v>1125</v>
      </c>
      <c r="D930" s="2">
        <v>1075</v>
      </c>
      <c r="E930" s="13">
        <v>3650</v>
      </c>
    </row>
    <row r="931" spans="1:5" ht="12.75" hidden="1" outlineLevel="1">
      <c r="A931" s="1" t="s">
        <v>923</v>
      </c>
      <c r="B931" s="2">
        <v>1180</v>
      </c>
      <c r="C931" s="2">
        <v>1125</v>
      </c>
      <c r="D931" s="2">
        <v>1075</v>
      </c>
      <c r="E931" s="13">
        <v>485</v>
      </c>
    </row>
    <row r="932" spans="1:5" ht="12.75" hidden="1" outlineLevel="1">
      <c r="A932" s="1" t="s">
        <v>924</v>
      </c>
      <c r="B932" s="2">
        <v>1650</v>
      </c>
      <c r="C932" s="2">
        <v>1575</v>
      </c>
      <c r="D932" s="2">
        <v>1500</v>
      </c>
      <c r="E932" s="13">
        <v>6846</v>
      </c>
    </row>
    <row r="933" spans="1:5" ht="12.75" hidden="1" outlineLevel="1">
      <c r="A933" s="1" t="s">
        <v>925</v>
      </c>
      <c r="B933" s="2">
        <v>1650</v>
      </c>
      <c r="C933" s="2">
        <v>1575</v>
      </c>
      <c r="D933" s="2">
        <v>1500</v>
      </c>
      <c r="E933" s="13">
        <v>6847</v>
      </c>
    </row>
    <row r="934" spans="1:5" ht="12.75" hidden="1" outlineLevel="1">
      <c r="A934" s="1" t="s">
        <v>926</v>
      </c>
      <c r="B934" s="2">
        <v>1650</v>
      </c>
      <c r="C934" s="2">
        <v>1575</v>
      </c>
      <c r="D934" s="2">
        <v>1500</v>
      </c>
      <c r="E934" s="13">
        <v>6848</v>
      </c>
    </row>
    <row r="935" spans="1:5" ht="12.75" hidden="1" outlineLevel="1">
      <c r="A935" s="1" t="s">
        <v>927</v>
      </c>
      <c r="B935" s="2">
        <v>1650</v>
      </c>
      <c r="C935" s="2">
        <v>1575</v>
      </c>
      <c r="D935" s="2">
        <v>1500</v>
      </c>
      <c r="E935" s="13">
        <v>6849</v>
      </c>
    </row>
    <row r="936" spans="1:5" ht="19.5" hidden="1" outlineLevel="1">
      <c r="A936" s="1" t="s">
        <v>928</v>
      </c>
      <c r="B936" s="2">
        <v>3305</v>
      </c>
      <c r="C936" s="2">
        <v>3155</v>
      </c>
      <c r="D936" s="2">
        <v>3005</v>
      </c>
      <c r="E936" s="13">
        <v>136</v>
      </c>
    </row>
    <row r="937" spans="1:5" ht="12.75" hidden="1" outlineLevel="1">
      <c r="A937" s="1" t="s">
        <v>929</v>
      </c>
      <c r="B937" s="2">
        <v>710</v>
      </c>
      <c r="C937" s="2">
        <v>676</v>
      </c>
      <c r="D937" s="2">
        <v>644</v>
      </c>
      <c r="E937" s="13">
        <v>8068</v>
      </c>
    </row>
    <row r="938" spans="1:5" ht="12.75" hidden="1" outlineLevel="1">
      <c r="A938" s="1" t="s">
        <v>930</v>
      </c>
      <c r="B938" s="2">
        <v>710</v>
      </c>
      <c r="C938" s="2">
        <v>676</v>
      </c>
      <c r="D938" s="2">
        <v>644</v>
      </c>
      <c r="E938" s="13">
        <v>8069</v>
      </c>
    </row>
    <row r="939" spans="1:5" ht="19.5" hidden="1" outlineLevel="1">
      <c r="A939" s="1" t="s">
        <v>931</v>
      </c>
      <c r="B939" s="2">
        <v>1275</v>
      </c>
      <c r="C939" s="2">
        <v>1215</v>
      </c>
      <c r="D939" s="2">
        <v>1160</v>
      </c>
      <c r="E939" s="13">
        <v>189</v>
      </c>
    </row>
    <row r="940" spans="1:5" ht="19.5" hidden="1" outlineLevel="1">
      <c r="A940" s="1" t="s">
        <v>932</v>
      </c>
      <c r="B940" s="2">
        <v>1275</v>
      </c>
      <c r="C940" s="2">
        <v>1215</v>
      </c>
      <c r="D940" s="2">
        <v>1160</v>
      </c>
      <c r="E940" s="13">
        <v>195</v>
      </c>
    </row>
    <row r="941" spans="1:5" ht="19.5" hidden="1" outlineLevel="1">
      <c r="A941" s="1" t="s">
        <v>933</v>
      </c>
      <c r="B941" s="2">
        <v>1275</v>
      </c>
      <c r="C941" s="2">
        <v>1215</v>
      </c>
      <c r="D941" s="2">
        <v>1160</v>
      </c>
      <c r="E941" s="13">
        <v>48</v>
      </c>
    </row>
    <row r="942" spans="1:5" ht="19.5" hidden="1" outlineLevel="1">
      <c r="A942" s="1" t="s">
        <v>934</v>
      </c>
      <c r="B942" s="2">
        <v>1275</v>
      </c>
      <c r="C942" s="2">
        <v>1215</v>
      </c>
      <c r="D942" s="2">
        <v>1160</v>
      </c>
      <c r="E942" s="13">
        <v>7359</v>
      </c>
    </row>
    <row r="943" spans="1:5" ht="29.25" hidden="1" outlineLevel="1">
      <c r="A943" s="1" t="s">
        <v>935</v>
      </c>
      <c r="B943" s="2">
        <v>4720</v>
      </c>
      <c r="C943" s="2">
        <v>4505</v>
      </c>
      <c r="D943" s="2">
        <v>4290</v>
      </c>
      <c r="E943" s="13">
        <v>8654</v>
      </c>
    </row>
    <row r="944" spans="1:5" ht="12.75" hidden="1" outlineLevel="1">
      <c r="A944" s="1" t="s">
        <v>936</v>
      </c>
      <c r="B944" s="2">
        <v>945</v>
      </c>
      <c r="C944" s="2">
        <v>900</v>
      </c>
      <c r="D944" s="2">
        <v>860</v>
      </c>
      <c r="E944" s="13">
        <v>133</v>
      </c>
    </row>
    <row r="945" spans="1:5" ht="12.75" hidden="1" outlineLevel="1">
      <c r="A945" s="1" t="s">
        <v>937</v>
      </c>
      <c r="B945" s="2">
        <v>945</v>
      </c>
      <c r="C945" s="2">
        <v>900</v>
      </c>
      <c r="D945" s="2">
        <v>860</v>
      </c>
      <c r="E945" s="13">
        <v>4078</v>
      </c>
    </row>
    <row r="946" spans="1:5" ht="12.75" hidden="1" outlineLevel="1">
      <c r="A946" s="1" t="s">
        <v>938</v>
      </c>
      <c r="B946" s="2">
        <v>945</v>
      </c>
      <c r="C946" s="2">
        <v>900</v>
      </c>
      <c r="D946" s="2">
        <v>860</v>
      </c>
      <c r="E946" s="13">
        <v>49</v>
      </c>
    </row>
    <row r="947" spans="1:5" ht="12.75" hidden="1" outlineLevel="1">
      <c r="A947" s="1" t="s">
        <v>939</v>
      </c>
      <c r="B947" s="2">
        <v>945</v>
      </c>
      <c r="C947" s="2">
        <v>900</v>
      </c>
      <c r="D947" s="2">
        <v>860</v>
      </c>
      <c r="E947" s="13">
        <v>880</v>
      </c>
    </row>
    <row r="948" spans="1:5" ht="12.75" hidden="1" outlineLevel="1">
      <c r="A948" s="1" t="s">
        <v>940</v>
      </c>
      <c r="B948" s="2">
        <v>945</v>
      </c>
      <c r="C948" s="2">
        <v>900</v>
      </c>
      <c r="D948" s="2">
        <v>860</v>
      </c>
      <c r="E948" s="13">
        <v>881</v>
      </c>
    </row>
    <row r="949" spans="1:5" ht="12.75" hidden="1" outlineLevel="1">
      <c r="A949" s="1" t="s">
        <v>941</v>
      </c>
      <c r="B949" s="2">
        <v>945</v>
      </c>
      <c r="C949" s="2">
        <v>900</v>
      </c>
      <c r="D949" s="2">
        <v>860</v>
      </c>
      <c r="E949" s="13">
        <v>3648</v>
      </c>
    </row>
    <row r="950" spans="1:5" ht="12.75" hidden="1" outlineLevel="1">
      <c r="A950" s="1" t="s">
        <v>942</v>
      </c>
      <c r="B950" s="2">
        <v>5425</v>
      </c>
      <c r="C950" s="2">
        <v>5180</v>
      </c>
      <c r="D950" s="2">
        <v>4935</v>
      </c>
      <c r="E950" s="13">
        <v>882</v>
      </c>
    </row>
    <row r="951" spans="1:5" ht="12.75" hidden="1" outlineLevel="1">
      <c r="A951" s="1" t="s">
        <v>943</v>
      </c>
      <c r="B951" s="2">
        <v>236</v>
      </c>
      <c r="C951" s="2">
        <v>225.2</v>
      </c>
      <c r="D951" s="2">
        <v>214.5</v>
      </c>
      <c r="E951" s="13">
        <v>7456</v>
      </c>
    </row>
    <row r="952" spans="1:5" ht="12.75" hidden="1" outlineLevel="1">
      <c r="A952" s="1" t="s">
        <v>944</v>
      </c>
      <c r="B952" s="2">
        <v>1135</v>
      </c>
      <c r="C952" s="2">
        <v>1080</v>
      </c>
      <c r="D952" s="2">
        <v>1030</v>
      </c>
      <c r="E952" s="13">
        <v>1769</v>
      </c>
    </row>
    <row r="953" spans="1:5" ht="12.75" hidden="1" outlineLevel="1">
      <c r="A953" s="1" t="s">
        <v>945</v>
      </c>
      <c r="B953" s="2">
        <v>1135</v>
      </c>
      <c r="C953" s="2">
        <v>1080</v>
      </c>
      <c r="D953" s="2">
        <v>1030</v>
      </c>
      <c r="E953" s="13">
        <v>850</v>
      </c>
    </row>
    <row r="954" spans="1:5" ht="12.75" hidden="1" outlineLevel="1">
      <c r="A954" s="1" t="s">
        <v>946</v>
      </c>
      <c r="B954" s="2">
        <v>1135</v>
      </c>
      <c r="C954" s="2">
        <v>1080</v>
      </c>
      <c r="D954" s="2">
        <v>1030</v>
      </c>
      <c r="E954" s="13">
        <v>8643</v>
      </c>
    </row>
    <row r="955" spans="1:5" ht="12.75" hidden="1" outlineLevel="1">
      <c r="A955" s="1" t="s">
        <v>947</v>
      </c>
      <c r="B955" s="2">
        <v>1135</v>
      </c>
      <c r="C955" s="2">
        <v>1080</v>
      </c>
      <c r="D955" s="2">
        <v>1030</v>
      </c>
      <c r="E955" s="13">
        <v>8644</v>
      </c>
    </row>
    <row r="956" spans="1:5" ht="12.75" hidden="1" outlineLevel="1">
      <c r="A956" s="1" t="s">
        <v>948</v>
      </c>
      <c r="B956" s="2">
        <v>1135</v>
      </c>
      <c r="C956" s="2">
        <v>1080</v>
      </c>
      <c r="D956" s="2">
        <v>1030</v>
      </c>
      <c r="E956" s="13">
        <v>8645</v>
      </c>
    </row>
    <row r="957" spans="1:5" ht="12.75" hidden="1" outlineLevel="1">
      <c r="A957" s="1" t="s">
        <v>949</v>
      </c>
      <c r="B957" s="2">
        <v>1135</v>
      </c>
      <c r="C957" s="2">
        <v>1080</v>
      </c>
      <c r="D957" s="2">
        <v>1030</v>
      </c>
      <c r="E957" s="13">
        <v>8646</v>
      </c>
    </row>
    <row r="958" spans="1:5" ht="19.5" hidden="1" outlineLevel="1">
      <c r="A958" s="1" t="s">
        <v>950</v>
      </c>
      <c r="B958" s="2">
        <v>6795</v>
      </c>
      <c r="C958" s="2">
        <v>6485</v>
      </c>
      <c r="D958" s="2">
        <v>6180</v>
      </c>
      <c r="E958" s="13">
        <v>132</v>
      </c>
    </row>
    <row r="959" spans="1:5" ht="12.75" hidden="1" outlineLevel="1">
      <c r="A959" s="1" t="s">
        <v>951</v>
      </c>
      <c r="B959" s="2">
        <v>1650</v>
      </c>
      <c r="C959" s="2">
        <v>1575</v>
      </c>
      <c r="D959" s="2">
        <v>1500</v>
      </c>
      <c r="E959" s="13">
        <v>7406</v>
      </c>
    </row>
    <row r="960" spans="1:5" ht="12.75" hidden="1" outlineLevel="1">
      <c r="A960" s="1" t="s">
        <v>952</v>
      </c>
      <c r="B960" s="2">
        <v>1650</v>
      </c>
      <c r="C960" s="2">
        <v>1575</v>
      </c>
      <c r="D960" s="2">
        <v>1500</v>
      </c>
      <c r="E960" s="13">
        <v>7360</v>
      </c>
    </row>
    <row r="961" spans="1:5" ht="12.75" hidden="1" outlineLevel="1">
      <c r="A961" s="1" t="s">
        <v>953</v>
      </c>
      <c r="B961" s="2">
        <v>1650</v>
      </c>
      <c r="C961" s="2">
        <v>1575</v>
      </c>
      <c r="D961" s="2">
        <v>1500</v>
      </c>
      <c r="E961" s="13">
        <v>4252</v>
      </c>
    </row>
    <row r="962" spans="1:5" ht="12.75" hidden="1" outlineLevel="1">
      <c r="A962" s="1" t="s">
        <v>954</v>
      </c>
      <c r="B962" s="2">
        <v>1650</v>
      </c>
      <c r="C962" s="2">
        <v>1575</v>
      </c>
      <c r="D962" s="2">
        <v>1500</v>
      </c>
      <c r="E962" s="13">
        <v>196</v>
      </c>
    </row>
    <row r="963" spans="1:5" ht="12.75" hidden="1" outlineLevel="1">
      <c r="A963" s="1" t="s">
        <v>955</v>
      </c>
      <c r="B963" s="2">
        <v>4245</v>
      </c>
      <c r="C963" s="2">
        <v>4055</v>
      </c>
      <c r="D963" s="2">
        <v>3860</v>
      </c>
      <c r="E963" s="13">
        <v>8656</v>
      </c>
    </row>
    <row r="964" spans="1:5" ht="19.5" hidden="1" outlineLevel="1">
      <c r="A964" s="1" t="s">
        <v>956</v>
      </c>
      <c r="B964" s="2">
        <v>5190</v>
      </c>
      <c r="C964" s="2">
        <v>4955</v>
      </c>
      <c r="D964" s="2">
        <v>4720</v>
      </c>
      <c r="E964" s="13">
        <v>8655</v>
      </c>
    </row>
    <row r="965" spans="1:5" ht="12.75" hidden="1" outlineLevel="1">
      <c r="A965" s="1" t="s">
        <v>957</v>
      </c>
      <c r="B965" s="2">
        <v>720</v>
      </c>
      <c r="C965" s="2">
        <v>689</v>
      </c>
      <c r="D965" s="2">
        <v>656</v>
      </c>
      <c r="E965" s="13">
        <v>874</v>
      </c>
    </row>
    <row r="966" spans="1:5" ht="12.75" hidden="1" outlineLevel="1">
      <c r="A966" s="1" t="s">
        <v>958</v>
      </c>
      <c r="B966" s="2">
        <v>720</v>
      </c>
      <c r="C966" s="2">
        <v>689</v>
      </c>
      <c r="D966" s="2">
        <v>656</v>
      </c>
      <c r="E966" s="13">
        <v>8067</v>
      </c>
    </row>
    <row r="967" spans="1:5" ht="12.75" hidden="1" outlineLevel="1">
      <c r="A967" s="1" t="s">
        <v>959</v>
      </c>
      <c r="B967" s="2">
        <v>720</v>
      </c>
      <c r="C967" s="2">
        <v>689</v>
      </c>
      <c r="D967" s="2">
        <v>656</v>
      </c>
      <c r="E967" s="13">
        <v>8066</v>
      </c>
    </row>
    <row r="968" spans="1:5" ht="12.75" hidden="1" outlineLevel="1">
      <c r="A968" s="1" t="s">
        <v>960</v>
      </c>
      <c r="B968" s="2">
        <v>720</v>
      </c>
      <c r="C968" s="2">
        <v>689</v>
      </c>
      <c r="D968" s="2">
        <v>656</v>
      </c>
      <c r="E968" s="13">
        <v>8065</v>
      </c>
    </row>
    <row r="969" spans="1:5" ht="12.75" hidden="1" outlineLevel="1">
      <c r="A969" s="1" t="s">
        <v>961</v>
      </c>
      <c r="B969" s="2">
        <v>875</v>
      </c>
      <c r="C969" s="2">
        <v>835</v>
      </c>
      <c r="D969" s="2">
        <v>795</v>
      </c>
      <c r="E969" s="13">
        <v>7622</v>
      </c>
    </row>
    <row r="970" spans="1:5" ht="12.75" hidden="1" outlineLevel="1">
      <c r="A970" s="1" t="s">
        <v>962</v>
      </c>
      <c r="B970" s="2">
        <v>875</v>
      </c>
      <c r="C970" s="2">
        <v>835</v>
      </c>
      <c r="D970" s="2">
        <v>795</v>
      </c>
      <c r="E970" s="13">
        <v>7619</v>
      </c>
    </row>
    <row r="971" spans="1:5" ht="12.75" hidden="1" outlineLevel="1">
      <c r="A971" s="1" t="s">
        <v>963</v>
      </c>
      <c r="B971" s="2">
        <v>875</v>
      </c>
      <c r="C971" s="2">
        <v>835</v>
      </c>
      <c r="D971" s="2">
        <v>795</v>
      </c>
      <c r="E971" s="13">
        <v>7620</v>
      </c>
    </row>
    <row r="972" spans="1:5" ht="12.75" hidden="1" outlineLevel="1">
      <c r="A972" s="1" t="s">
        <v>964</v>
      </c>
      <c r="B972" s="2">
        <v>875</v>
      </c>
      <c r="C972" s="2">
        <v>835</v>
      </c>
      <c r="D972" s="2">
        <v>795</v>
      </c>
      <c r="E972" s="13">
        <v>7621</v>
      </c>
    </row>
    <row r="973" spans="1:5" ht="19.5" hidden="1" outlineLevel="1">
      <c r="A973" s="1" t="s">
        <v>965</v>
      </c>
      <c r="B973" s="2">
        <v>3210</v>
      </c>
      <c r="C973" s="2">
        <v>3065</v>
      </c>
      <c r="D973" s="2">
        <v>2915</v>
      </c>
      <c r="E973" s="13">
        <v>7409</v>
      </c>
    </row>
    <row r="974" spans="1:5" ht="12.75" hidden="1" outlineLevel="1">
      <c r="A974" s="1" t="s">
        <v>966</v>
      </c>
      <c r="B974" s="2">
        <v>2485</v>
      </c>
      <c r="C974" s="2">
        <v>2375</v>
      </c>
      <c r="D974" s="2">
        <v>2260</v>
      </c>
      <c r="E974" s="13">
        <v>10159</v>
      </c>
    </row>
    <row r="975" spans="1:5" ht="12.75" hidden="1" outlineLevel="1">
      <c r="A975" s="1" t="s">
        <v>967</v>
      </c>
      <c r="B975" s="2">
        <v>2485</v>
      </c>
      <c r="C975" s="2">
        <v>2375</v>
      </c>
      <c r="D975" s="2">
        <v>2260</v>
      </c>
      <c r="E975" s="13">
        <v>10160</v>
      </c>
    </row>
    <row r="976" spans="1:5" ht="12.75" hidden="1" outlineLevel="1">
      <c r="A976" s="1" t="s">
        <v>968</v>
      </c>
      <c r="B976" s="2">
        <v>2485</v>
      </c>
      <c r="C976" s="2">
        <v>2375</v>
      </c>
      <c r="D976" s="2">
        <v>2260</v>
      </c>
      <c r="E976" s="13">
        <v>10161</v>
      </c>
    </row>
    <row r="977" spans="1:5" ht="12.75" hidden="1" outlineLevel="1">
      <c r="A977" s="1" t="s">
        <v>969</v>
      </c>
      <c r="B977" s="2">
        <v>2485</v>
      </c>
      <c r="C977" s="2">
        <v>2375</v>
      </c>
      <c r="D977" s="2">
        <v>2260</v>
      </c>
      <c r="E977" s="13">
        <v>10162</v>
      </c>
    </row>
    <row r="978" spans="1:5" ht="12.75" hidden="1" outlineLevel="1">
      <c r="A978" s="1" t="s">
        <v>970</v>
      </c>
      <c r="B978" s="2">
        <v>1415</v>
      </c>
      <c r="C978" s="2">
        <v>1350</v>
      </c>
      <c r="D978" s="2">
        <v>1285</v>
      </c>
      <c r="E978" s="13">
        <v>9240</v>
      </c>
    </row>
    <row r="979" spans="1:5" ht="12.75" hidden="1" outlineLevel="1">
      <c r="A979" s="1" t="s">
        <v>971</v>
      </c>
      <c r="B979" s="2">
        <v>1415</v>
      </c>
      <c r="C979" s="2">
        <v>1350</v>
      </c>
      <c r="D979" s="2">
        <v>1285</v>
      </c>
      <c r="E979" s="13">
        <v>9241</v>
      </c>
    </row>
    <row r="980" spans="1:5" ht="12.75" hidden="1" outlineLevel="1">
      <c r="A980" s="1" t="s">
        <v>972</v>
      </c>
      <c r="B980" s="2">
        <v>1415</v>
      </c>
      <c r="C980" s="2">
        <v>1350</v>
      </c>
      <c r="D980" s="2">
        <v>1285</v>
      </c>
      <c r="E980" s="13">
        <v>9242</v>
      </c>
    </row>
    <row r="981" spans="1:5" ht="12.75" hidden="1" outlineLevel="1">
      <c r="A981" s="1" t="s">
        <v>973</v>
      </c>
      <c r="B981" s="2">
        <v>1415</v>
      </c>
      <c r="C981" s="2">
        <v>1350</v>
      </c>
      <c r="D981" s="2">
        <v>1285</v>
      </c>
      <c r="E981" s="13">
        <v>9243</v>
      </c>
    </row>
    <row r="982" spans="1:5" ht="12.75" hidden="1" outlineLevel="1">
      <c r="A982" s="1" t="s">
        <v>974</v>
      </c>
      <c r="B982" s="2">
        <v>5425</v>
      </c>
      <c r="C982" s="2">
        <v>5180</v>
      </c>
      <c r="D982" s="2">
        <v>4935</v>
      </c>
      <c r="E982" s="13">
        <v>8095</v>
      </c>
    </row>
    <row r="983" spans="1:5" ht="12.75" hidden="1" outlineLevel="1">
      <c r="A983" s="1" t="s">
        <v>975</v>
      </c>
      <c r="B983" s="2">
        <v>945</v>
      </c>
      <c r="C983" s="2">
        <v>900</v>
      </c>
      <c r="D983" s="2">
        <v>860</v>
      </c>
      <c r="E983" s="13">
        <v>6686</v>
      </c>
    </row>
    <row r="984" spans="1:5" ht="12.75" hidden="1" outlineLevel="1">
      <c r="A984" s="1" t="s">
        <v>976</v>
      </c>
      <c r="B984" s="2">
        <v>1180</v>
      </c>
      <c r="C984" s="2">
        <v>1125</v>
      </c>
      <c r="D984" s="2">
        <v>1075</v>
      </c>
      <c r="E984" s="13">
        <v>6687</v>
      </c>
    </row>
    <row r="985" spans="1:5" ht="12.75" hidden="1" outlineLevel="1">
      <c r="A985" s="1" t="s">
        <v>977</v>
      </c>
      <c r="B985" s="2">
        <v>1180</v>
      </c>
      <c r="C985" s="2">
        <v>1125</v>
      </c>
      <c r="D985" s="2">
        <v>1075</v>
      </c>
      <c r="E985" s="13">
        <v>6688</v>
      </c>
    </row>
    <row r="986" spans="1:5" ht="12.75" hidden="1" outlineLevel="1">
      <c r="A986" s="1" t="s">
        <v>978</v>
      </c>
      <c r="B986" s="2">
        <v>1180</v>
      </c>
      <c r="C986" s="2">
        <v>1125</v>
      </c>
      <c r="D986" s="2">
        <v>1075</v>
      </c>
      <c r="E986" s="13">
        <v>6690</v>
      </c>
    </row>
    <row r="987" spans="1:5" ht="19.5" hidden="1" outlineLevel="1">
      <c r="A987" s="1" t="s">
        <v>979</v>
      </c>
      <c r="B987" s="2">
        <v>6135</v>
      </c>
      <c r="C987" s="2">
        <v>5855</v>
      </c>
      <c r="D987" s="2">
        <v>5575</v>
      </c>
      <c r="E987" s="13">
        <v>4237</v>
      </c>
    </row>
    <row r="988" spans="1:5" ht="12.75" hidden="1" outlineLevel="1">
      <c r="A988" s="1" t="s">
        <v>980</v>
      </c>
      <c r="B988" s="2">
        <v>7550</v>
      </c>
      <c r="C988" s="2">
        <v>7205</v>
      </c>
      <c r="D988" s="2">
        <v>6865</v>
      </c>
      <c r="E988" s="13">
        <v>4215</v>
      </c>
    </row>
    <row r="989" spans="1:5" ht="19.5" hidden="1" outlineLevel="1">
      <c r="A989" s="1" t="s">
        <v>981</v>
      </c>
      <c r="B989" s="2">
        <v>8495</v>
      </c>
      <c r="C989" s="2">
        <v>8110</v>
      </c>
      <c r="D989" s="2">
        <v>7720</v>
      </c>
      <c r="E989" s="13">
        <v>3666</v>
      </c>
    </row>
    <row r="990" spans="1:5" ht="39" hidden="1" outlineLevel="1">
      <c r="A990" s="1" t="s">
        <v>982</v>
      </c>
      <c r="B990" s="2">
        <v>7080</v>
      </c>
      <c r="C990" s="2">
        <v>6755</v>
      </c>
      <c r="D990" s="2">
        <v>6435</v>
      </c>
      <c r="E990" s="13">
        <v>3665</v>
      </c>
    </row>
    <row r="991" spans="1:5" ht="12.75" hidden="1" outlineLevel="1">
      <c r="A991" s="1" t="s">
        <v>983</v>
      </c>
      <c r="B991" s="2">
        <v>7550</v>
      </c>
      <c r="C991" s="2">
        <v>7205</v>
      </c>
      <c r="D991" s="2">
        <v>6865</v>
      </c>
      <c r="E991" s="13">
        <v>7962</v>
      </c>
    </row>
    <row r="992" spans="1:5" ht="19.5" hidden="1" outlineLevel="1">
      <c r="A992" s="1" t="s">
        <v>984</v>
      </c>
      <c r="B992" s="2">
        <v>5425</v>
      </c>
      <c r="C992" s="2">
        <v>5180</v>
      </c>
      <c r="D992" s="2">
        <v>4935</v>
      </c>
      <c r="E992" s="13">
        <v>7663</v>
      </c>
    </row>
    <row r="993" spans="1:5" ht="12.75" hidden="1" outlineLevel="1">
      <c r="A993" s="1" t="s">
        <v>985</v>
      </c>
      <c r="B993" s="2">
        <v>7550</v>
      </c>
      <c r="C993" s="2">
        <v>7205</v>
      </c>
      <c r="D993" s="2">
        <v>6865</v>
      </c>
      <c r="E993" s="13">
        <v>7976</v>
      </c>
    </row>
    <row r="994" spans="1:5" ht="12.75" hidden="1" outlineLevel="1">
      <c r="A994" s="1" t="s">
        <v>986</v>
      </c>
      <c r="B994" s="2">
        <v>8965</v>
      </c>
      <c r="C994" s="2">
        <v>8560</v>
      </c>
      <c r="D994" s="2">
        <v>8150</v>
      </c>
      <c r="E994" s="13">
        <v>866</v>
      </c>
    </row>
    <row r="995" spans="1:5" ht="29.25" hidden="1" outlineLevel="1">
      <c r="A995" s="1" t="s">
        <v>987</v>
      </c>
      <c r="B995" s="2">
        <v>8965</v>
      </c>
      <c r="C995" s="2">
        <v>8560</v>
      </c>
      <c r="D995" s="2">
        <v>8150</v>
      </c>
      <c r="E995" s="13">
        <v>5101</v>
      </c>
    </row>
    <row r="996" spans="1:5" ht="29.25" hidden="1" outlineLevel="1">
      <c r="A996" s="1" t="s">
        <v>988</v>
      </c>
      <c r="B996" s="2">
        <v>8020</v>
      </c>
      <c r="C996" s="2">
        <v>7660</v>
      </c>
      <c r="D996" s="2">
        <v>7295</v>
      </c>
      <c r="E996" s="13">
        <v>868</v>
      </c>
    </row>
    <row r="997" spans="1:5" ht="12.75" hidden="1" outlineLevel="1">
      <c r="A997" s="1" t="s">
        <v>989</v>
      </c>
      <c r="B997" s="2">
        <v>5665</v>
      </c>
      <c r="C997" s="2">
        <v>5405</v>
      </c>
      <c r="D997" s="2">
        <v>5150</v>
      </c>
      <c r="E997" s="13">
        <v>4355</v>
      </c>
    </row>
    <row r="998" spans="1:5" ht="12.75" hidden="1" outlineLevel="1">
      <c r="A998" s="1" t="s">
        <v>990</v>
      </c>
      <c r="B998" s="2">
        <v>8020</v>
      </c>
      <c r="C998" s="2">
        <v>7660</v>
      </c>
      <c r="D998" s="2">
        <v>7295</v>
      </c>
      <c r="E998" s="13">
        <v>4356</v>
      </c>
    </row>
    <row r="999" spans="1:5" ht="39" hidden="1" outlineLevel="1">
      <c r="A999" s="1" t="s">
        <v>991</v>
      </c>
      <c r="B999" s="2">
        <v>4720</v>
      </c>
      <c r="C999" s="2">
        <v>4505</v>
      </c>
      <c r="D999" s="2">
        <v>4290</v>
      </c>
      <c r="E999" s="13">
        <v>870</v>
      </c>
    </row>
    <row r="1000" spans="1:5" ht="19.5" hidden="1" outlineLevel="1">
      <c r="A1000" s="1" t="s">
        <v>992</v>
      </c>
      <c r="B1000" s="2">
        <v>8355</v>
      </c>
      <c r="C1000" s="2">
        <v>7975</v>
      </c>
      <c r="D1000" s="2">
        <v>7595</v>
      </c>
      <c r="E1000" s="13">
        <v>9892</v>
      </c>
    </row>
    <row r="1001" spans="1:5" ht="19.5" hidden="1" outlineLevel="1">
      <c r="A1001" s="1" t="s">
        <v>993</v>
      </c>
      <c r="B1001" s="2">
        <v>2360</v>
      </c>
      <c r="C1001" s="2">
        <v>2250</v>
      </c>
      <c r="D1001" s="2">
        <v>2145</v>
      </c>
      <c r="E1001" s="13">
        <v>7787</v>
      </c>
    </row>
    <row r="1002" spans="1:5" ht="19.5" hidden="1" outlineLevel="1">
      <c r="A1002" s="1" t="s">
        <v>994</v>
      </c>
      <c r="B1002" s="2">
        <v>33030</v>
      </c>
      <c r="C1002" s="2">
        <v>31530</v>
      </c>
      <c r="D1002" s="2">
        <v>30030</v>
      </c>
      <c r="E1002" s="13">
        <v>6337</v>
      </c>
    </row>
    <row r="1003" spans="1:5" ht="19.5" hidden="1" outlineLevel="1">
      <c r="A1003" s="1" t="s">
        <v>995</v>
      </c>
      <c r="B1003" s="2">
        <v>4245</v>
      </c>
      <c r="C1003" s="2">
        <v>4055</v>
      </c>
      <c r="D1003" s="2">
        <v>3860</v>
      </c>
      <c r="E1003" s="13">
        <v>9893</v>
      </c>
    </row>
    <row r="1004" spans="1:5" ht="12.75" hidden="1" outlineLevel="1">
      <c r="A1004" s="1" t="s">
        <v>996</v>
      </c>
      <c r="B1004" s="2">
        <v>6370</v>
      </c>
      <c r="C1004" s="2">
        <v>6080</v>
      </c>
      <c r="D1004" s="2">
        <v>5790</v>
      </c>
      <c r="E1004" s="13">
        <v>10098</v>
      </c>
    </row>
    <row r="1005" spans="1:5" ht="12.75" hidden="1" outlineLevel="1">
      <c r="A1005" s="1" t="s">
        <v>997</v>
      </c>
      <c r="B1005" s="2">
        <v>4245</v>
      </c>
      <c r="C1005" s="2">
        <v>4055</v>
      </c>
      <c r="D1005" s="2">
        <v>3860</v>
      </c>
      <c r="E1005" s="13">
        <v>7105</v>
      </c>
    </row>
    <row r="1006" spans="1:5" ht="12.75" hidden="1" outlineLevel="1">
      <c r="A1006" s="1" t="s">
        <v>998</v>
      </c>
      <c r="B1006" s="2">
        <v>4010</v>
      </c>
      <c r="C1006" s="2">
        <v>3830</v>
      </c>
      <c r="D1006" s="2">
        <v>3645</v>
      </c>
      <c r="E1006" s="13">
        <v>7789</v>
      </c>
    </row>
    <row r="1007" spans="1:5" ht="19.5" hidden="1" outlineLevel="1">
      <c r="A1007" s="1" t="s">
        <v>999</v>
      </c>
      <c r="B1007" s="2">
        <v>4485</v>
      </c>
      <c r="C1007" s="2">
        <v>4280</v>
      </c>
      <c r="D1007" s="2">
        <v>4075</v>
      </c>
      <c r="E1007" s="13">
        <v>7557</v>
      </c>
    </row>
    <row r="1008" spans="1:5" ht="19.5" hidden="1" outlineLevel="1">
      <c r="A1008" s="1" t="s">
        <v>1000</v>
      </c>
      <c r="B1008" s="2">
        <v>3775</v>
      </c>
      <c r="C1008" s="2">
        <v>3605</v>
      </c>
      <c r="D1008" s="2">
        <v>3430</v>
      </c>
      <c r="E1008" s="13">
        <v>8434</v>
      </c>
    </row>
    <row r="1009" spans="1:5" ht="29.25" hidden="1" outlineLevel="1">
      <c r="A1009" s="1" t="s">
        <v>1001</v>
      </c>
      <c r="B1009" s="2">
        <v>5665</v>
      </c>
      <c r="C1009" s="2">
        <v>5405</v>
      </c>
      <c r="D1009" s="2">
        <v>5150</v>
      </c>
      <c r="E1009" s="13">
        <v>7475</v>
      </c>
    </row>
    <row r="1010" spans="1:5" ht="19.5" hidden="1" outlineLevel="1">
      <c r="A1010" s="1" t="s">
        <v>1002</v>
      </c>
      <c r="B1010" s="2">
        <v>4245</v>
      </c>
      <c r="C1010" s="2">
        <v>4055</v>
      </c>
      <c r="D1010" s="2">
        <v>3860</v>
      </c>
      <c r="E1010" s="13">
        <v>9909</v>
      </c>
    </row>
    <row r="1011" spans="1:5" ht="12.75" hidden="1" outlineLevel="1">
      <c r="A1011" s="1" t="s">
        <v>1003</v>
      </c>
      <c r="B1011" s="2">
        <v>4245</v>
      </c>
      <c r="C1011" s="2">
        <v>4055</v>
      </c>
      <c r="D1011" s="2">
        <v>3860</v>
      </c>
      <c r="E1011" s="13">
        <v>7104</v>
      </c>
    </row>
    <row r="1012" spans="1:5" ht="12.75" hidden="1" outlineLevel="1">
      <c r="A1012" s="1" t="s">
        <v>1004</v>
      </c>
      <c r="B1012" s="2">
        <v>9440</v>
      </c>
      <c r="C1012" s="2">
        <v>9010</v>
      </c>
      <c r="D1012" s="2">
        <v>8580</v>
      </c>
      <c r="E1012" s="13">
        <v>10290</v>
      </c>
    </row>
    <row r="1013" spans="1:5" ht="12.75" hidden="1" outlineLevel="1">
      <c r="A1013" s="1" t="s">
        <v>1005</v>
      </c>
      <c r="B1013" s="2">
        <v>6135</v>
      </c>
      <c r="C1013" s="2">
        <v>5855</v>
      </c>
      <c r="D1013" s="2">
        <v>5575</v>
      </c>
      <c r="E1013" s="13">
        <v>7791</v>
      </c>
    </row>
    <row r="1014" spans="1:5" ht="12.75" hidden="1" outlineLevel="1">
      <c r="A1014" s="1" t="s">
        <v>1006</v>
      </c>
      <c r="B1014" s="2">
        <v>6135</v>
      </c>
      <c r="C1014" s="2">
        <v>5855</v>
      </c>
      <c r="D1014" s="2">
        <v>5575</v>
      </c>
      <c r="E1014" s="13">
        <v>7106</v>
      </c>
    </row>
    <row r="1015" spans="1:5" ht="29.25" hidden="1" outlineLevel="1">
      <c r="A1015" s="1" t="s">
        <v>1007</v>
      </c>
      <c r="B1015" s="2">
        <v>8495</v>
      </c>
      <c r="C1015" s="2">
        <v>8110</v>
      </c>
      <c r="D1015" s="2">
        <v>7720</v>
      </c>
      <c r="E1015" s="13">
        <v>10265</v>
      </c>
    </row>
    <row r="1016" spans="1:5" ht="29.25" hidden="1" outlineLevel="1">
      <c r="A1016" s="1" t="s">
        <v>1008</v>
      </c>
      <c r="B1016" s="2">
        <v>7080</v>
      </c>
      <c r="C1016" s="2">
        <v>6755</v>
      </c>
      <c r="D1016" s="2">
        <v>6435</v>
      </c>
      <c r="E1016" s="13">
        <v>8601</v>
      </c>
    </row>
    <row r="1017" spans="1:5" ht="19.5" hidden="1" outlineLevel="1">
      <c r="A1017" s="1" t="s">
        <v>1009</v>
      </c>
      <c r="B1017" s="2">
        <v>8495</v>
      </c>
      <c r="C1017" s="2">
        <v>8110</v>
      </c>
      <c r="D1017" s="2">
        <v>7720</v>
      </c>
      <c r="E1017" s="13">
        <v>8599</v>
      </c>
    </row>
    <row r="1018" spans="1:5" ht="19.5" hidden="1" outlineLevel="1">
      <c r="A1018" s="1" t="s">
        <v>1010</v>
      </c>
      <c r="B1018" s="2">
        <v>21240</v>
      </c>
      <c r="C1018" s="2">
        <v>20270</v>
      </c>
      <c r="D1018" s="2">
        <v>19310</v>
      </c>
      <c r="E1018" s="13">
        <v>877</v>
      </c>
    </row>
    <row r="1019" spans="1:5" ht="12.75" hidden="1" outlineLevel="1">
      <c r="A1019" s="1" t="s">
        <v>1011</v>
      </c>
      <c r="B1019" s="2">
        <v>11800</v>
      </c>
      <c r="C1019" s="2">
        <v>11260</v>
      </c>
      <c r="D1019" s="2">
        <v>10730</v>
      </c>
      <c r="E1019" s="13">
        <v>8104</v>
      </c>
    </row>
    <row r="1020" spans="1:5" ht="19.5" hidden="1" outlineLevel="1">
      <c r="A1020" s="1" t="s">
        <v>1012</v>
      </c>
      <c r="B1020" s="2">
        <v>3775</v>
      </c>
      <c r="C1020" s="2">
        <v>3605</v>
      </c>
      <c r="D1020" s="2">
        <v>3430</v>
      </c>
      <c r="E1020" s="13">
        <v>7790</v>
      </c>
    </row>
    <row r="1021" spans="1:5" ht="19.5" hidden="1" outlineLevel="1">
      <c r="A1021" s="1" t="s">
        <v>1013</v>
      </c>
      <c r="B1021" s="2">
        <v>9440</v>
      </c>
      <c r="C1021" s="2">
        <v>9010</v>
      </c>
      <c r="D1021" s="2">
        <v>8580</v>
      </c>
      <c r="E1021" s="13">
        <v>10152</v>
      </c>
    </row>
    <row r="1022" spans="1:5" ht="19.5" hidden="1" outlineLevel="1">
      <c r="A1022" s="1" t="s">
        <v>1014</v>
      </c>
      <c r="B1022" s="2">
        <v>10380</v>
      </c>
      <c r="C1022" s="2">
        <v>9910</v>
      </c>
      <c r="D1022" s="2">
        <v>9440</v>
      </c>
      <c r="E1022" s="13">
        <v>9918</v>
      </c>
    </row>
    <row r="1023" spans="1:5" ht="19.5" hidden="1" outlineLevel="1">
      <c r="A1023" s="1" t="s">
        <v>1015</v>
      </c>
      <c r="B1023" s="2">
        <v>12270</v>
      </c>
      <c r="C1023" s="2">
        <v>11710</v>
      </c>
      <c r="D1023" s="2">
        <v>11150</v>
      </c>
      <c r="E1023" s="13">
        <v>10264</v>
      </c>
    </row>
    <row r="1024" spans="1:5" ht="29.25" hidden="1" outlineLevel="1">
      <c r="A1024" s="1" t="s">
        <v>1016</v>
      </c>
      <c r="B1024" s="2">
        <v>4245</v>
      </c>
      <c r="C1024" s="2">
        <v>4055</v>
      </c>
      <c r="D1024" s="2">
        <v>3860</v>
      </c>
      <c r="E1024" s="13">
        <v>7728</v>
      </c>
    </row>
    <row r="1025" spans="1:5" ht="12.75" hidden="1" outlineLevel="1">
      <c r="A1025" s="1" t="s">
        <v>1017</v>
      </c>
      <c r="B1025" s="2">
        <v>2360</v>
      </c>
      <c r="C1025" s="2">
        <v>2250</v>
      </c>
      <c r="D1025" s="2">
        <v>2145</v>
      </c>
      <c r="E1025" s="13">
        <v>7726</v>
      </c>
    </row>
    <row r="1026" spans="1:5" ht="12.75" hidden="1" outlineLevel="1">
      <c r="A1026" s="1" t="s">
        <v>1018</v>
      </c>
      <c r="B1026" s="2">
        <v>2360</v>
      </c>
      <c r="C1026" s="2">
        <v>2250</v>
      </c>
      <c r="D1026" s="2">
        <v>2145</v>
      </c>
      <c r="E1026" s="13">
        <v>7786</v>
      </c>
    </row>
    <row r="1027" spans="1:5" ht="12.75" hidden="1" outlineLevel="1">
      <c r="A1027" s="1" t="s">
        <v>1019</v>
      </c>
      <c r="B1027" s="2">
        <v>2360</v>
      </c>
      <c r="C1027" s="2">
        <v>2250</v>
      </c>
      <c r="D1027" s="2">
        <v>2145</v>
      </c>
      <c r="E1027" s="13">
        <v>7188</v>
      </c>
    </row>
    <row r="1028" spans="1:5" ht="12.75" hidden="1" outlineLevel="1">
      <c r="A1028" s="1" t="s">
        <v>1020</v>
      </c>
      <c r="B1028" s="2">
        <v>3775</v>
      </c>
      <c r="C1028" s="2">
        <v>3605</v>
      </c>
      <c r="D1028" s="2">
        <v>3430</v>
      </c>
      <c r="E1028" s="13">
        <v>6989</v>
      </c>
    </row>
    <row r="1029" spans="1:5" ht="12.75" hidden="1" outlineLevel="1">
      <c r="A1029" s="1" t="s">
        <v>1021</v>
      </c>
      <c r="B1029" s="2">
        <v>4720</v>
      </c>
      <c r="C1029" s="2">
        <v>4505</v>
      </c>
      <c r="D1029" s="2">
        <v>4290</v>
      </c>
      <c r="E1029" s="13">
        <v>7189</v>
      </c>
    </row>
    <row r="1030" spans="1:5" ht="19.5" hidden="1" outlineLevel="1">
      <c r="A1030" s="1" t="s">
        <v>1022</v>
      </c>
      <c r="B1030" s="2">
        <v>3065</v>
      </c>
      <c r="C1030" s="2">
        <v>2930</v>
      </c>
      <c r="D1030" s="2">
        <v>2790</v>
      </c>
      <c r="E1030" s="13">
        <v>7495</v>
      </c>
    </row>
    <row r="1031" spans="1:5" ht="19.5" hidden="1" outlineLevel="1">
      <c r="A1031" s="1" t="s">
        <v>1023</v>
      </c>
      <c r="B1031" s="2">
        <v>4245</v>
      </c>
      <c r="C1031" s="2">
        <v>4055</v>
      </c>
      <c r="D1031" s="2">
        <v>3860</v>
      </c>
      <c r="E1031" s="13">
        <v>7623</v>
      </c>
    </row>
    <row r="1032" spans="1:5" ht="29.25" hidden="1" outlineLevel="1">
      <c r="A1032" s="1" t="s">
        <v>1024</v>
      </c>
      <c r="B1032" s="2">
        <v>3305</v>
      </c>
      <c r="C1032" s="2">
        <v>3155</v>
      </c>
      <c r="D1032" s="2">
        <v>3005</v>
      </c>
      <c r="E1032" s="13">
        <v>7935</v>
      </c>
    </row>
    <row r="1033" spans="1:5" ht="12.75" hidden="1" outlineLevel="1">
      <c r="A1033" s="1" t="s">
        <v>1025</v>
      </c>
      <c r="B1033" s="2">
        <v>945</v>
      </c>
      <c r="C1033" s="2">
        <v>900</v>
      </c>
      <c r="D1033" s="2">
        <v>860</v>
      </c>
      <c r="E1033" s="13">
        <v>10309</v>
      </c>
    </row>
    <row r="1034" spans="1:5" ht="12.75" hidden="1" outlineLevel="1">
      <c r="A1034" s="1" t="s">
        <v>1026</v>
      </c>
      <c r="B1034" s="2">
        <v>3305</v>
      </c>
      <c r="C1034" s="2">
        <v>3155</v>
      </c>
      <c r="D1034" s="2">
        <v>3005</v>
      </c>
      <c r="E1034" s="13">
        <v>7725</v>
      </c>
    </row>
    <row r="1035" spans="1:5" ht="19.5" hidden="1" outlineLevel="1">
      <c r="A1035" s="1" t="s">
        <v>1027</v>
      </c>
      <c r="B1035" s="2">
        <v>4010</v>
      </c>
      <c r="C1035" s="2">
        <v>3830</v>
      </c>
      <c r="D1035" s="2">
        <v>3645</v>
      </c>
      <c r="E1035" s="13">
        <v>10256</v>
      </c>
    </row>
    <row r="1036" spans="1:5" ht="12.75" hidden="1" outlineLevel="1">
      <c r="A1036" s="1" t="s">
        <v>1028</v>
      </c>
      <c r="B1036" s="2">
        <v>3490</v>
      </c>
      <c r="C1036" s="2">
        <v>3335</v>
      </c>
      <c r="D1036" s="2">
        <v>3175</v>
      </c>
      <c r="E1036" s="13">
        <v>7103</v>
      </c>
    </row>
    <row r="1037" spans="1:5" ht="19.5" hidden="1" outlineLevel="1">
      <c r="A1037" s="1" t="s">
        <v>1029</v>
      </c>
      <c r="B1037" s="2">
        <v>3965</v>
      </c>
      <c r="C1037" s="2">
        <v>3785</v>
      </c>
      <c r="D1037" s="2">
        <v>3605</v>
      </c>
      <c r="E1037" s="13">
        <v>8443</v>
      </c>
    </row>
    <row r="1038" spans="1:5" ht="12.75" hidden="1" outlineLevel="1">
      <c r="A1038" s="1" t="s">
        <v>1030</v>
      </c>
      <c r="B1038" s="2">
        <v>2830</v>
      </c>
      <c r="C1038" s="2">
        <v>2705</v>
      </c>
      <c r="D1038" s="2">
        <v>2575</v>
      </c>
      <c r="E1038" s="13">
        <v>7667</v>
      </c>
    </row>
    <row r="1039" spans="1:5" ht="12.75" hidden="1" outlineLevel="1">
      <c r="A1039" s="1" t="s">
        <v>1031</v>
      </c>
      <c r="B1039" s="2">
        <v>37750</v>
      </c>
      <c r="C1039" s="2">
        <v>36040</v>
      </c>
      <c r="D1039" s="2">
        <v>34320</v>
      </c>
      <c r="E1039" s="13">
        <v>9889</v>
      </c>
    </row>
    <row r="1040" spans="1:5" ht="19.5" hidden="1" outlineLevel="1">
      <c r="A1040" s="1" t="s">
        <v>1032</v>
      </c>
      <c r="B1040" s="2">
        <v>3305</v>
      </c>
      <c r="C1040" s="2">
        <v>3155</v>
      </c>
      <c r="D1040" s="2">
        <v>3005</v>
      </c>
      <c r="E1040" s="13">
        <v>7102</v>
      </c>
    </row>
    <row r="1041" spans="1:5" ht="12.75" hidden="1" outlineLevel="1">
      <c r="A1041" s="1" t="s">
        <v>1033</v>
      </c>
      <c r="B1041" s="2">
        <v>3870</v>
      </c>
      <c r="C1041" s="2">
        <v>3695</v>
      </c>
      <c r="D1041" s="2">
        <v>3520</v>
      </c>
      <c r="E1041" s="13">
        <v>7109</v>
      </c>
    </row>
    <row r="1042" spans="1:5" ht="12.75" hidden="1" outlineLevel="1">
      <c r="A1042" s="1" t="s">
        <v>1034</v>
      </c>
      <c r="B1042" s="2">
        <v>3065</v>
      </c>
      <c r="C1042" s="2">
        <v>2930</v>
      </c>
      <c r="D1042" s="2">
        <v>2790</v>
      </c>
      <c r="E1042" s="13">
        <v>10158</v>
      </c>
    </row>
    <row r="1043" spans="1:5" ht="12.75" hidden="1" outlineLevel="1">
      <c r="A1043" s="1" t="s">
        <v>1035</v>
      </c>
      <c r="B1043" s="2">
        <v>15100</v>
      </c>
      <c r="C1043" s="2">
        <v>14410</v>
      </c>
      <c r="D1043" s="2">
        <v>13730</v>
      </c>
      <c r="E1043" s="13">
        <v>7190</v>
      </c>
    </row>
    <row r="1044" spans="1:5" ht="12.75" hidden="1" outlineLevel="1">
      <c r="A1044" s="1" t="s">
        <v>1036</v>
      </c>
      <c r="B1044" s="2">
        <v>4010</v>
      </c>
      <c r="C1044" s="2">
        <v>3830</v>
      </c>
      <c r="D1044" s="2">
        <v>3645</v>
      </c>
      <c r="E1044" s="13">
        <v>6336</v>
      </c>
    </row>
    <row r="1045" spans="1:5" ht="12.75" hidden="1" outlineLevel="1">
      <c r="A1045" s="1" t="s">
        <v>1037</v>
      </c>
      <c r="B1045" s="2">
        <v>4245</v>
      </c>
      <c r="C1045" s="2">
        <v>4055</v>
      </c>
      <c r="D1045" s="2">
        <v>3860</v>
      </c>
      <c r="E1045" s="13">
        <v>10123</v>
      </c>
    </row>
    <row r="1046" spans="1:5" ht="12.75" hidden="1" outlineLevel="1">
      <c r="A1046" s="1" t="s">
        <v>1038</v>
      </c>
      <c r="B1046" s="2">
        <v>10380</v>
      </c>
      <c r="C1046" s="2">
        <v>9910</v>
      </c>
      <c r="D1046" s="2">
        <v>9440</v>
      </c>
      <c r="E1046" s="13">
        <v>9927</v>
      </c>
    </row>
    <row r="1047" spans="1:5" ht="12.75" hidden="1" outlineLevel="1">
      <c r="A1047" s="1" t="s">
        <v>1039</v>
      </c>
      <c r="B1047" s="2">
        <v>9440</v>
      </c>
      <c r="C1047" s="2">
        <v>9010</v>
      </c>
      <c r="D1047" s="2">
        <v>8580</v>
      </c>
      <c r="E1047" s="13">
        <v>9764</v>
      </c>
    </row>
    <row r="1048" spans="1:5" ht="19.5" hidden="1" outlineLevel="1">
      <c r="A1048" s="1" t="s">
        <v>1040</v>
      </c>
      <c r="B1048" s="2">
        <v>7550</v>
      </c>
      <c r="C1048" s="2">
        <v>7205</v>
      </c>
      <c r="D1048" s="2">
        <v>6865</v>
      </c>
      <c r="E1048" s="13">
        <v>10203</v>
      </c>
    </row>
    <row r="1049" spans="1:5" ht="12.75" hidden="1" outlineLevel="1">
      <c r="A1049" s="1" t="s">
        <v>1041</v>
      </c>
      <c r="B1049" s="2">
        <v>2360</v>
      </c>
      <c r="C1049" s="2">
        <v>2250</v>
      </c>
      <c r="D1049" s="2">
        <v>2145</v>
      </c>
      <c r="E1049" s="13">
        <v>7727</v>
      </c>
    </row>
    <row r="1050" spans="1:5" ht="19.5" hidden="1" outlineLevel="1">
      <c r="A1050" s="1" t="s">
        <v>1042</v>
      </c>
      <c r="B1050" s="2">
        <v>33030</v>
      </c>
      <c r="C1050" s="2">
        <v>31530</v>
      </c>
      <c r="D1050" s="2">
        <v>30030</v>
      </c>
      <c r="E1050" s="13">
        <v>7108</v>
      </c>
    </row>
    <row r="1051" spans="1:5" ht="19.5" hidden="1" outlineLevel="1">
      <c r="A1051" s="1" t="s">
        <v>1043</v>
      </c>
      <c r="B1051" s="2">
        <v>56630</v>
      </c>
      <c r="C1051" s="2">
        <v>54050</v>
      </c>
      <c r="D1051" s="2">
        <v>51480</v>
      </c>
      <c r="E1051" s="13">
        <v>8866</v>
      </c>
    </row>
    <row r="1052" spans="1:5" ht="12.75" hidden="1" outlineLevel="1">
      <c r="A1052" s="1" t="s">
        <v>1044</v>
      </c>
      <c r="B1052" s="2">
        <v>37750</v>
      </c>
      <c r="C1052" s="2">
        <v>36040</v>
      </c>
      <c r="D1052" s="2">
        <v>34320</v>
      </c>
      <c r="E1052" s="13">
        <v>5790</v>
      </c>
    </row>
    <row r="1053" spans="1:5" ht="19.5" hidden="1" outlineLevel="1">
      <c r="A1053" s="1" t="s">
        <v>1045</v>
      </c>
      <c r="B1053" s="2">
        <v>94380</v>
      </c>
      <c r="C1053" s="2">
        <v>90090</v>
      </c>
      <c r="D1053" s="2">
        <v>85800</v>
      </c>
      <c r="E1053" s="13">
        <v>9890</v>
      </c>
    </row>
    <row r="1054" spans="1:5" ht="19.5" hidden="1" outlineLevel="1">
      <c r="A1054" s="1" t="s">
        <v>1046</v>
      </c>
      <c r="B1054" s="2">
        <v>42470</v>
      </c>
      <c r="C1054" s="2">
        <v>40540</v>
      </c>
      <c r="D1054" s="2">
        <v>38610</v>
      </c>
      <c r="E1054" s="13">
        <v>9922</v>
      </c>
    </row>
    <row r="1055" spans="1:5" ht="12.75" hidden="1" outlineLevel="1">
      <c r="A1055" s="1" t="s">
        <v>1047</v>
      </c>
      <c r="B1055" s="2">
        <v>15570</v>
      </c>
      <c r="C1055" s="2">
        <v>14860</v>
      </c>
      <c r="D1055" s="2">
        <v>14160</v>
      </c>
      <c r="E1055" s="13">
        <v>10188</v>
      </c>
    </row>
    <row r="1056" spans="1:5" ht="19.5" hidden="1" outlineLevel="1">
      <c r="A1056" s="1" t="s">
        <v>1048</v>
      </c>
      <c r="B1056" s="2">
        <v>9440</v>
      </c>
      <c r="C1056" s="2">
        <v>9010</v>
      </c>
      <c r="D1056" s="2">
        <v>8580</v>
      </c>
      <c r="E1056" s="13">
        <v>10131</v>
      </c>
    </row>
    <row r="1057" spans="1:5" ht="12.75" hidden="1" outlineLevel="1">
      <c r="A1057" s="1" t="s">
        <v>1049</v>
      </c>
      <c r="B1057" s="2">
        <v>16520</v>
      </c>
      <c r="C1057" s="2">
        <v>15770</v>
      </c>
      <c r="D1057" s="2">
        <v>15020</v>
      </c>
      <c r="E1057" s="13">
        <v>8103</v>
      </c>
    </row>
    <row r="1058" spans="1:5" ht="19.5" hidden="1" outlineLevel="1">
      <c r="A1058" s="1" t="s">
        <v>1050</v>
      </c>
      <c r="B1058" s="2">
        <v>37280</v>
      </c>
      <c r="C1058" s="2">
        <v>35590</v>
      </c>
      <c r="D1058" s="2">
        <v>33890</v>
      </c>
      <c r="E1058" s="13">
        <v>9882</v>
      </c>
    </row>
    <row r="1059" spans="1:5" ht="12.75" hidden="1" outlineLevel="1">
      <c r="A1059" s="1" t="s">
        <v>1051</v>
      </c>
      <c r="B1059" s="2">
        <v>23600</v>
      </c>
      <c r="C1059" s="2">
        <v>22520</v>
      </c>
      <c r="D1059" s="2">
        <v>21450</v>
      </c>
      <c r="E1059" s="13">
        <v>9145</v>
      </c>
    </row>
    <row r="1060" spans="1:5" collapsed="1">
      <c r="A1060" s="4" t="s">
        <v>1052</v>
      </c>
      <c r="B1060" s="12"/>
      <c r="C1060" s="12"/>
      <c r="D1060" s="12"/>
      <c r="E1060" s="12"/>
    </row>
    <row r="1061" spans="1:5" ht="19.5" hidden="1" outlineLevel="1">
      <c r="A1061" s="1" t="s">
        <v>1053</v>
      </c>
      <c r="B1061" s="2">
        <v>7720</v>
      </c>
      <c r="C1061" s="2">
        <v>7080</v>
      </c>
      <c r="D1061" s="2">
        <v>6435</v>
      </c>
      <c r="E1061" s="13">
        <v>9302</v>
      </c>
    </row>
    <row r="1062" spans="1:5" ht="12.75" hidden="1" outlineLevel="1">
      <c r="A1062" s="1" t="s">
        <v>1054</v>
      </c>
      <c r="B1062" s="2">
        <v>1185</v>
      </c>
      <c r="C1062" s="2">
        <v>1085</v>
      </c>
      <c r="D1062" s="2">
        <v>985</v>
      </c>
      <c r="E1062" s="13">
        <v>787</v>
      </c>
    </row>
    <row r="1063" spans="1:5" ht="12.75" hidden="1" outlineLevel="1">
      <c r="A1063" s="1" t="s">
        <v>1055</v>
      </c>
      <c r="B1063" s="2">
        <v>770</v>
      </c>
      <c r="C1063" s="2">
        <v>710</v>
      </c>
      <c r="D1063" s="2">
        <v>644</v>
      </c>
      <c r="E1063" s="13">
        <v>1565</v>
      </c>
    </row>
    <row r="1064" spans="1:5" ht="12.75" hidden="1" outlineLevel="1">
      <c r="A1064" s="1" t="s">
        <v>1056</v>
      </c>
      <c r="B1064" s="2">
        <v>1545</v>
      </c>
      <c r="C1064" s="2">
        <v>1415</v>
      </c>
      <c r="D1064" s="2">
        <v>1285</v>
      </c>
      <c r="E1064" s="13">
        <v>3441</v>
      </c>
    </row>
    <row r="1065" spans="1:5" ht="12.75" hidden="1" outlineLevel="1">
      <c r="A1065" s="1" t="s">
        <v>1057</v>
      </c>
      <c r="B1065" s="2">
        <v>2575</v>
      </c>
      <c r="C1065" s="2">
        <v>2360</v>
      </c>
      <c r="D1065" s="2">
        <v>2145</v>
      </c>
      <c r="E1065" s="13">
        <v>800</v>
      </c>
    </row>
    <row r="1066" spans="1:5" ht="12.75" hidden="1" outlineLevel="1">
      <c r="A1066" s="1" t="s">
        <v>1058</v>
      </c>
      <c r="B1066" s="2">
        <v>4375</v>
      </c>
      <c r="C1066" s="2">
        <v>4010</v>
      </c>
      <c r="D1066" s="2">
        <v>3645</v>
      </c>
      <c r="E1066" s="13">
        <v>5272</v>
      </c>
    </row>
    <row r="1067" spans="1:5" ht="12.75" hidden="1" outlineLevel="1">
      <c r="A1067" s="1" t="s">
        <v>1059</v>
      </c>
      <c r="B1067" s="2">
        <v>3345</v>
      </c>
      <c r="C1067" s="2">
        <v>3065</v>
      </c>
      <c r="D1067" s="2">
        <v>2790</v>
      </c>
      <c r="E1067" s="13">
        <v>795</v>
      </c>
    </row>
    <row r="1068" spans="1:5" ht="19.5" hidden="1" outlineLevel="1">
      <c r="A1068" s="1" t="s">
        <v>1060</v>
      </c>
      <c r="B1068" s="2">
        <v>412</v>
      </c>
      <c r="C1068" s="2">
        <v>378</v>
      </c>
      <c r="D1068" s="2">
        <v>343</v>
      </c>
      <c r="E1068" s="13">
        <v>5058</v>
      </c>
    </row>
    <row r="1069" spans="1:5" ht="12.75" hidden="1" outlineLevel="1">
      <c r="A1069" s="1" t="s">
        <v>1061</v>
      </c>
      <c r="B1069" s="2">
        <v>3090</v>
      </c>
      <c r="C1069" s="2">
        <v>2830</v>
      </c>
      <c r="D1069" s="2">
        <v>2575</v>
      </c>
      <c r="E1069" s="13">
        <v>3173</v>
      </c>
    </row>
    <row r="1070" spans="1:5" ht="12.75" hidden="1" outlineLevel="1">
      <c r="A1070" s="1" t="s">
        <v>1062</v>
      </c>
      <c r="B1070" s="2">
        <v>2575</v>
      </c>
      <c r="C1070" s="2">
        <v>2360</v>
      </c>
      <c r="D1070" s="2">
        <v>2145</v>
      </c>
      <c r="E1070" s="13">
        <v>1286</v>
      </c>
    </row>
    <row r="1071" spans="1:5" ht="12.75" hidden="1" outlineLevel="1">
      <c r="A1071" s="1" t="s">
        <v>1063</v>
      </c>
      <c r="B1071" s="2">
        <v>770</v>
      </c>
      <c r="C1071" s="2">
        <v>710</v>
      </c>
      <c r="D1071" s="2">
        <v>644</v>
      </c>
      <c r="E1071" s="13">
        <v>57</v>
      </c>
    </row>
    <row r="1072" spans="1:5" ht="19.5" hidden="1" outlineLevel="1">
      <c r="A1072" s="1" t="s">
        <v>1064</v>
      </c>
      <c r="B1072" s="2">
        <v>566</v>
      </c>
      <c r="C1072" s="2">
        <v>519</v>
      </c>
      <c r="D1072" s="2">
        <v>472</v>
      </c>
      <c r="E1072" s="13">
        <v>6705</v>
      </c>
    </row>
    <row r="1073" spans="1:5" ht="12.75" hidden="1" outlineLevel="1">
      <c r="A1073" s="1" t="s">
        <v>1065</v>
      </c>
      <c r="B1073" s="2">
        <v>489</v>
      </c>
      <c r="C1073" s="2">
        <v>448</v>
      </c>
      <c r="D1073" s="2">
        <v>408</v>
      </c>
      <c r="E1073" s="13">
        <v>5590</v>
      </c>
    </row>
    <row r="1074" spans="1:5" ht="12.75" hidden="1" outlineLevel="1">
      <c r="A1074" s="1" t="s">
        <v>1066</v>
      </c>
      <c r="B1074" s="2">
        <v>4015</v>
      </c>
      <c r="C1074" s="2">
        <v>3680</v>
      </c>
      <c r="D1074" s="2">
        <v>3345</v>
      </c>
      <c r="E1074" s="13">
        <v>1621</v>
      </c>
    </row>
    <row r="1075" spans="1:5" ht="12.75" hidden="1" outlineLevel="1">
      <c r="A1075" s="1" t="s">
        <v>1067</v>
      </c>
      <c r="B1075" s="2">
        <v>1800</v>
      </c>
      <c r="C1075" s="2">
        <v>1650</v>
      </c>
      <c r="D1075" s="2">
        <v>1500</v>
      </c>
      <c r="E1075" s="13">
        <v>4974</v>
      </c>
    </row>
    <row r="1076" spans="1:5" ht="19.5" hidden="1" outlineLevel="1">
      <c r="A1076" s="1" t="s">
        <v>1068</v>
      </c>
      <c r="B1076" s="2">
        <v>474</v>
      </c>
      <c r="C1076" s="2">
        <v>434</v>
      </c>
      <c r="D1076" s="2">
        <v>395</v>
      </c>
      <c r="E1076" s="13">
        <v>3935</v>
      </c>
    </row>
    <row r="1077" spans="1:5" ht="12.75" hidden="1" outlineLevel="1">
      <c r="A1077" s="1" t="s">
        <v>1069</v>
      </c>
      <c r="B1077" s="2">
        <v>770</v>
      </c>
      <c r="C1077" s="2">
        <v>710</v>
      </c>
      <c r="D1077" s="2">
        <v>644</v>
      </c>
      <c r="E1077" s="13">
        <v>1163</v>
      </c>
    </row>
    <row r="1078" spans="1:5" ht="12.75" hidden="1" outlineLevel="1">
      <c r="A1078" s="1" t="s">
        <v>1070</v>
      </c>
      <c r="B1078" s="2">
        <v>257.39999999999998</v>
      </c>
      <c r="C1078" s="2">
        <v>235.9</v>
      </c>
      <c r="D1078" s="2">
        <v>214.5</v>
      </c>
      <c r="E1078" s="13">
        <v>64</v>
      </c>
    </row>
    <row r="1079" spans="1:5" ht="12.75" hidden="1" outlineLevel="1">
      <c r="A1079" s="1" t="s">
        <v>1071</v>
      </c>
      <c r="B1079" s="2">
        <v>950</v>
      </c>
      <c r="C1079" s="2">
        <v>875</v>
      </c>
      <c r="D1079" s="2">
        <v>795</v>
      </c>
      <c r="E1079" s="13">
        <v>5408</v>
      </c>
    </row>
    <row r="1080" spans="1:5" ht="19.5" hidden="1" outlineLevel="1">
      <c r="A1080" s="1" t="s">
        <v>1072</v>
      </c>
      <c r="B1080" s="2">
        <v>257.39999999999998</v>
      </c>
      <c r="C1080" s="2">
        <v>235.9</v>
      </c>
      <c r="D1080" s="2">
        <v>214.5</v>
      </c>
      <c r="E1080" s="13">
        <v>9239</v>
      </c>
    </row>
    <row r="1081" spans="1:5" ht="12.75" hidden="1" outlineLevel="1">
      <c r="A1081" s="1" t="s">
        <v>1073</v>
      </c>
      <c r="B1081" s="2">
        <v>925</v>
      </c>
      <c r="C1081" s="2">
        <v>850</v>
      </c>
      <c r="D1081" s="2">
        <v>770</v>
      </c>
      <c r="E1081" s="13">
        <v>9802</v>
      </c>
    </row>
    <row r="1082" spans="1:5" ht="12.75" hidden="1" outlineLevel="1">
      <c r="A1082" s="1" t="s">
        <v>1074</v>
      </c>
      <c r="B1082" s="2">
        <v>6435</v>
      </c>
      <c r="C1082" s="2">
        <v>5900</v>
      </c>
      <c r="D1082" s="2">
        <v>5365</v>
      </c>
      <c r="E1082" s="13">
        <v>9624</v>
      </c>
    </row>
    <row r="1083" spans="1:5" ht="12.75" hidden="1" outlineLevel="1">
      <c r="A1083" s="1" t="s">
        <v>1075</v>
      </c>
      <c r="B1083" s="2">
        <v>1800</v>
      </c>
      <c r="C1083" s="2">
        <v>1650</v>
      </c>
      <c r="D1083" s="2">
        <v>1500</v>
      </c>
      <c r="E1083" s="13">
        <v>3174</v>
      </c>
    </row>
    <row r="1084" spans="1:5" ht="12.75" hidden="1" outlineLevel="1">
      <c r="A1084" s="1" t="s">
        <v>1076</v>
      </c>
      <c r="B1084" s="2">
        <v>4635</v>
      </c>
      <c r="C1084" s="2">
        <v>4245</v>
      </c>
      <c r="D1084" s="2">
        <v>3860</v>
      </c>
      <c r="E1084" s="13">
        <v>6354</v>
      </c>
    </row>
    <row r="1085" spans="1:5" ht="12.75" hidden="1" outlineLevel="1">
      <c r="A1085" s="1" t="s">
        <v>1077</v>
      </c>
      <c r="B1085" s="2">
        <v>2830</v>
      </c>
      <c r="C1085" s="2">
        <v>2595</v>
      </c>
      <c r="D1085" s="2">
        <v>2360</v>
      </c>
      <c r="E1085" s="13">
        <v>5059</v>
      </c>
    </row>
    <row r="1086" spans="1:5" ht="12.75" hidden="1" outlineLevel="1">
      <c r="A1086" s="1" t="s">
        <v>1078</v>
      </c>
      <c r="B1086" s="2">
        <v>745</v>
      </c>
      <c r="C1086" s="2">
        <v>684</v>
      </c>
      <c r="D1086" s="2">
        <v>622</v>
      </c>
      <c r="E1086" s="13">
        <v>5642</v>
      </c>
    </row>
    <row r="1087" spans="1:5" ht="12.75" hidden="1" outlineLevel="1">
      <c r="A1087" s="1" t="s">
        <v>1079</v>
      </c>
      <c r="B1087" s="2">
        <v>1545</v>
      </c>
      <c r="C1087" s="2">
        <v>1415</v>
      </c>
      <c r="D1087" s="2">
        <v>1285</v>
      </c>
      <c r="E1087" s="13">
        <v>790</v>
      </c>
    </row>
    <row r="1088" spans="1:5" ht="12.75" hidden="1" outlineLevel="1">
      <c r="A1088" s="1" t="s">
        <v>1080</v>
      </c>
      <c r="B1088" s="2">
        <v>257.39999999999998</v>
      </c>
      <c r="C1088" s="2">
        <v>235.9</v>
      </c>
      <c r="D1088" s="2">
        <v>214.5</v>
      </c>
      <c r="E1088" s="13">
        <v>9690</v>
      </c>
    </row>
    <row r="1089" spans="1:5" ht="12.75" hidden="1" outlineLevel="1">
      <c r="A1089" s="1" t="s">
        <v>1081</v>
      </c>
      <c r="B1089" s="2">
        <v>4015</v>
      </c>
      <c r="C1089" s="2">
        <v>3680</v>
      </c>
      <c r="D1089" s="2">
        <v>3345</v>
      </c>
      <c r="E1089" s="13">
        <v>9374</v>
      </c>
    </row>
    <row r="1090" spans="1:5" ht="12.75" hidden="1" outlineLevel="1">
      <c r="A1090" s="1" t="s">
        <v>1082</v>
      </c>
      <c r="B1090" s="2">
        <v>7980</v>
      </c>
      <c r="C1090" s="2">
        <v>7315</v>
      </c>
      <c r="D1090" s="2">
        <v>6650</v>
      </c>
      <c r="E1090" s="13">
        <v>9647</v>
      </c>
    </row>
    <row r="1091" spans="1:5" ht="12.75" hidden="1" outlineLevel="1">
      <c r="A1091" s="1" t="s">
        <v>1083</v>
      </c>
      <c r="B1091" s="2">
        <v>3605</v>
      </c>
      <c r="C1091" s="2">
        <v>3305</v>
      </c>
      <c r="D1091" s="2">
        <v>3005</v>
      </c>
      <c r="E1091" s="13">
        <v>65</v>
      </c>
    </row>
    <row r="1092" spans="1:5" ht="12.75" hidden="1" outlineLevel="1">
      <c r="A1092" s="1" t="s">
        <v>1084</v>
      </c>
      <c r="B1092" s="2">
        <v>4275</v>
      </c>
      <c r="C1092" s="2">
        <v>3915</v>
      </c>
      <c r="D1092" s="2">
        <v>3560</v>
      </c>
      <c r="E1092" s="13">
        <v>5503</v>
      </c>
    </row>
    <row r="1093" spans="1:5" ht="19.5" hidden="1" outlineLevel="1">
      <c r="A1093" s="1" t="s">
        <v>1085</v>
      </c>
      <c r="B1093" s="2">
        <v>770</v>
      </c>
      <c r="C1093" s="2">
        <v>710</v>
      </c>
      <c r="D1093" s="2">
        <v>644</v>
      </c>
      <c r="E1093" s="13">
        <v>9691</v>
      </c>
    </row>
    <row r="1094" spans="1:5" ht="12.75" hidden="1" outlineLevel="1">
      <c r="A1094" s="1" t="s">
        <v>1086</v>
      </c>
      <c r="B1094" s="2">
        <v>1545</v>
      </c>
      <c r="C1094" s="2">
        <v>1415</v>
      </c>
      <c r="D1094" s="2">
        <v>1285</v>
      </c>
      <c r="E1094" s="13">
        <v>66</v>
      </c>
    </row>
    <row r="1095" spans="1:5" ht="12.75" hidden="1" outlineLevel="1">
      <c r="A1095" s="1" t="s">
        <v>1087</v>
      </c>
      <c r="B1095" s="2">
        <v>3425</v>
      </c>
      <c r="C1095" s="2">
        <v>3140</v>
      </c>
      <c r="D1095" s="2">
        <v>2855</v>
      </c>
      <c r="E1095" s="13">
        <v>3172</v>
      </c>
    </row>
    <row r="1096" spans="1:5" ht="12.75" hidden="1" outlineLevel="1">
      <c r="A1096" s="1" t="s">
        <v>1088</v>
      </c>
      <c r="B1096" s="2">
        <v>257.39999999999998</v>
      </c>
      <c r="C1096" s="2">
        <v>235.9</v>
      </c>
      <c r="D1096" s="2">
        <v>214.5</v>
      </c>
      <c r="E1096" s="13">
        <v>9692</v>
      </c>
    </row>
    <row r="1097" spans="1:5" ht="12.75" hidden="1" outlineLevel="1">
      <c r="A1097" s="1" t="s">
        <v>1089</v>
      </c>
      <c r="B1097" s="2">
        <v>1390</v>
      </c>
      <c r="C1097" s="2">
        <v>1275</v>
      </c>
      <c r="D1097" s="2">
        <v>1160</v>
      </c>
      <c r="E1097" s="13">
        <v>8001</v>
      </c>
    </row>
    <row r="1098" spans="1:5" ht="12.75" hidden="1" outlineLevel="1">
      <c r="A1098" s="1" t="s">
        <v>1090</v>
      </c>
      <c r="B1098" s="2">
        <v>1545</v>
      </c>
      <c r="C1098" s="2">
        <v>1415</v>
      </c>
      <c r="D1098" s="2">
        <v>1285</v>
      </c>
      <c r="E1098" s="13">
        <v>56</v>
      </c>
    </row>
    <row r="1099" spans="1:5" ht="12.75" hidden="1" outlineLevel="1">
      <c r="A1099" s="1" t="s">
        <v>1091</v>
      </c>
      <c r="B1099" s="2">
        <v>3500</v>
      </c>
      <c r="C1099" s="2">
        <v>3210</v>
      </c>
      <c r="D1099" s="2">
        <v>2915</v>
      </c>
      <c r="E1099" s="13">
        <v>67</v>
      </c>
    </row>
    <row r="1100" spans="1:5" ht="12.75" hidden="1" outlineLevel="1">
      <c r="A1100" s="1" t="s">
        <v>1092</v>
      </c>
      <c r="B1100" s="2">
        <v>1545</v>
      </c>
      <c r="C1100" s="2">
        <v>1415</v>
      </c>
      <c r="D1100" s="2">
        <v>1285</v>
      </c>
      <c r="E1100" s="13">
        <v>124</v>
      </c>
    </row>
    <row r="1101" spans="1:5" ht="12.75" hidden="1" outlineLevel="1">
      <c r="A1101" s="1" t="s">
        <v>1093</v>
      </c>
      <c r="B1101" s="2">
        <v>5665</v>
      </c>
      <c r="C1101" s="2">
        <v>5190</v>
      </c>
      <c r="D1101" s="2">
        <v>4720</v>
      </c>
      <c r="E1101" s="13">
        <v>4307</v>
      </c>
    </row>
    <row r="1102" spans="1:5" ht="12.75" hidden="1" outlineLevel="1">
      <c r="A1102" s="1" t="s">
        <v>1094</v>
      </c>
      <c r="B1102" s="2">
        <v>12870</v>
      </c>
      <c r="C1102" s="2">
        <v>11800</v>
      </c>
      <c r="D1102" s="2">
        <v>10730</v>
      </c>
      <c r="E1102" s="13">
        <v>5578</v>
      </c>
    </row>
    <row r="1103" spans="1:5" ht="12.75" hidden="1" outlineLevel="1">
      <c r="A1103" s="1" t="s">
        <v>1095</v>
      </c>
      <c r="B1103" s="2">
        <v>14410</v>
      </c>
      <c r="C1103" s="2">
        <v>13210</v>
      </c>
      <c r="D1103" s="2">
        <v>12010</v>
      </c>
      <c r="E1103" s="13">
        <v>5562</v>
      </c>
    </row>
    <row r="1104" spans="1:5" ht="12.75" hidden="1" outlineLevel="1">
      <c r="A1104" s="1" t="s">
        <v>1096</v>
      </c>
      <c r="B1104" s="2">
        <v>6180</v>
      </c>
      <c r="C1104" s="2">
        <v>5665</v>
      </c>
      <c r="D1104" s="2">
        <v>5150</v>
      </c>
      <c r="E1104" s="13">
        <v>8677</v>
      </c>
    </row>
    <row r="1105" spans="1:5" ht="12.75" hidden="1" outlineLevel="1">
      <c r="A1105" s="1" t="s">
        <v>1097</v>
      </c>
      <c r="B1105" s="2">
        <v>6950</v>
      </c>
      <c r="C1105" s="2">
        <v>6370</v>
      </c>
      <c r="D1105" s="2">
        <v>5790</v>
      </c>
      <c r="E1105" s="13">
        <v>5473</v>
      </c>
    </row>
    <row r="1106" spans="1:5" ht="19.5" hidden="1" outlineLevel="1">
      <c r="A1106" s="1" t="s">
        <v>1098</v>
      </c>
      <c r="B1106" s="2">
        <v>1750</v>
      </c>
      <c r="C1106" s="2">
        <v>1605</v>
      </c>
      <c r="D1106" s="2">
        <v>1460</v>
      </c>
      <c r="E1106" s="13">
        <v>9014</v>
      </c>
    </row>
    <row r="1107" spans="1:5" ht="12.75" hidden="1" outlineLevel="1">
      <c r="A1107" s="1" t="s">
        <v>1099</v>
      </c>
      <c r="B1107" s="2">
        <v>1800</v>
      </c>
      <c r="C1107" s="2">
        <v>1650</v>
      </c>
      <c r="D1107" s="2">
        <v>1500</v>
      </c>
      <c r="E1107" s="13">
        <v>7068</v>
      </c>
    </row>
    <row r="1108" spans="1:5" ht="12.75" hidden="1" outlineLevel="1">
      <c r="A1108" s="1" t="s">
        <v>1100</v>
      </c>
      <c r="B1108" s="2">
        <v>3605</v>
      </c>
      <c r="C1108" s="2">
        <v>3305</v>
      </c>
      <c r="D1108" s="2">
        <v>3005</v>
      </c>
      <c r="E1108" s="13">
        <v>4283</v>
      </c>
    </row>
    <row r="1109" spans="1:5" ht="12.75" hidden="1" outlineLevel="1">
      <c r="A1109" s="1" t="s">
        <v>1101</v>
      </c>
      <c r="B1109" s="2">
        <v>7465</v>
      </c>
      <c r="C1109" s="2">
        <v>6845</v>
      </c>
      <c r="D1109" s="2">
        <v>6220</v>
      </c>
      <c r="E1109" s="13">
        <v>5275</v>
      </c>
    </row>
    <row r="1110" spans="1:5" ht="12.75" hidden="1" outlineLevel="1">
      <c r="A1110" s="1" t="s">
        <v>1102</v>
      </c>
      <c r="B1110" s="2">
        <v>5665</v>
      </c>
      <c r="C1110" s="2">
        <v>5190</v>
      </c>
      <c r="D1110" s="2">
        <v>4720</v>
      </c>
      <c r="E1110" s="13">
        <v>5472</v>
      </c>
    </row>
    <row r="1111" spans="1:5" ht="12.75" hidden="1" outlineLevel="1">
      <c r="A1111" s="1" t="s">
        <v>1103</v>
      </c>
      <c r="B1111" s="2">
        <v>644</v>
      </c>
      <c r="C1111" s="2">
        <v>590</v>
      </c>
      <c r="D1111" s="2">
        <v>536</v>
      </c>
      <c r="E1111" s="13">
        <v>9038</v>
      </c>
    </row>
    <row r="1112" spans="1:5" ht="19.5" hidden="1" outlineLevel="1">
      <c r="A1112" s="1" t="s">
        <v>1104</v>
      </c>
      <c r="B1112" s="2">
        <v>2420</v>
      </c>
      <c r="C1112" s="2">
        <v>2220</v>
      </c>
      <c r="D1112" s="2">
        <v>2015</v>
      </c>
      <c r="E1112" s="13">
        <v>8855</v>
      </c>
    </row>
    <row r="1113" spans="1:5" ht="29.25" hidden="1" outlineLevel="1">
      <c r="A1113" s="1" t="s">
        <v>1105</v>
      </c>
      <c r="B1113" s="2">
        <v>412</v>
      </c>
      <c r="C1113" s="2">
        <v>378</v>
      </c>
      <c r="D1113" s="2">
        <v>343</v>
      </c>
      <c r="E1113" s="13">
        <v>6841</v>
      </c>
    </row>
    <row r="1114" spans="1:5" ht="12.75" hidden="1" outlineLevel="1">
      <c r="A1114" s="1" t="s">
        <v>1106</v>
      </c>
      <c r="B1114" s="2">
        <v>2575</v>
      </c>
      <c r="C1114" s="2">
        <v>2360</v>
      </c>
      <c r="D1114" s="2">
        <v>2145</v>
      </c>
      <c r="E1114" s="13">
        <v>5278</v>
      </c>
    </row>
    <row r="1115" spans="1:5" ht="12.75" hidden="1" outlineLevel="1">
      <c r="A1115" s="1" t="s">
        <v>1107</v>
      </c>
      <c r="B1115" s="2">
        <v>4120</v>
      </c>
      <c r="C1115" s="2">
        <v>3775</v>
      </c>
      <c r="D1115" s="2">
        <v>3430</v>
      </c>
      <c r="E1115" s="13">
        <v>3115</v>
      </c>
    </row>
    <row r="1116" spans="1:5" ht="12.75" hidden="1" outlineLevel="1">
      <c r="A1116" s="1" t="s">
        <v>1108</v>
      </c>
      <c r="B1116" s="2">
        <v>1030</v>
      </c>
      <c r="C1116" s="2">
        <v>945</v>
      </c>
      <c r="D1116" s="2">
        <v>860</v>
      </c>
      <c r="E1116" s="13">
        <v>803</v>
      </c>
    </row>
    <row r="1117" spans="1:5" ht="12.75" hidden="1" outlineLevel="1">
      <c r="A1117" s="1" t="s">
        <v>1109</v>
      </c>
      <c r="B1117" s="2">
        <v>1545</v>
      </c>
      <c r="C1117" s="2">
        <v>1415</v>
      </c>
      <c r="D1117" s="2">
        <v>1285</v>
      </c>
      <c r="E1117" s="13">
        <v>1057</v>
      </c>
    </row>
    <row r="1118" spans="1:5" ht="12.75" hidden="1" outlineLevel="1">
      <c r="A1118" s="1" t="s">
        <v>1110</v>
      </c>
      <c r="B1118" s="2">
        <v>1545</v>
      </c>
      <c r="C1118" s="2">
        <v>1415</v>
      </c>
      <c r="D1118" s="2">
        <v>1285</v>
      </c>
      <c r="E1118" s="13">
        <v>1346</v>
      </c>
    </row>
    <row r="1119" spans="1:5" ht="12.75" hidden="1" outlineLevel="1">
      <c r="A1119" s="1" t="s">
        <v>1111</v>
      </c>
      <c r="B1119" s="2">
        <v>1185</v>
      </c>
      <c r="C1119" s="2">
        <v>1085</v>
      </c>
      <c r="D1119" s="2">
        <v>985</v>
      </c>
      <c r="E1119" s="13">
        <v>10306</v>
      </c>
    </row>
    <row r="1120" spans="1:5" ht="12.75" hidden="1" outlineLevel="1">
      <c r="A1120" s="1" t="s">
        <v>1112</v>
      </c>
      <c r="B1120" s="2">
        <v>1030</v>
      </c>
      <c r="C1120" s="2">
        <v>945</v>
      </c>
      <c r="D1120" s="2">
        <v>860</v>
      </c>
      <c r="E1120" s="13">
        <v>4954</v>
      </c>
    </row>
    <row r="1121" spans="1:5" ht="12.75" hidden="1" outlineLevel="1">
      <c r="A1121" s="1" t="s">
        <v>1113</v>
      </c>
      <c r="B1121" s="2">
        <v>1030</v>
      </c>
      <c r="C1121" s="2">
        <v>945</v>
      </c>
      <c r="D1121" s="2">
        <v>860</v>
      </c>
      <c r="E1121" s="13">
        <v>1205</v>
      </c>
    </row>
    <row r="1122" spans="1:5" ht="12.75" hidden="1" outlineLevel="1">
      <c r="A1122" s="1" t="s">
        <v>1114</v>
      </c>
      <c r="B1122" s="2">
        <v>1030</v>
      </c>
      <c r="C1122" s="2">
        <v>945</v>
      </c>
      <c r="D1122" s="2">
        <v>860</v>
      </c>
      <c r="E1122" s="13">
        <v>794</v>
      </c>
    </row>
    <row r="1123" spans="1:5" ht="12.75" hidden="1" outlineLevel="1">
      <c r="A1123" s="1" t="s">
        <v>1115</v>
      </c>
      <c r="B1123" s="2">
        <v>1030</v>
      </c>
      <c r="C1123" s="2">
        <v>945</v>
      </c>
      <c r="D1123" s="2">
        <v>860</v>
      </c>
      <c r="E1123" s="13">
        <v>804</v>
      </c>
    </row>
    <row r="1124" spans="1:5" ht="29.25" hidden="1" outlineLevel="1">
      <c r="A1124" s="1" t="s">
        <v>1116</v>
      </c>
      <c r="B1124" s="2">
        <v>695</v>
      </c>
      <c r="C1124" s="2">
        <v>637</v>
      </c>
      <c r="D1124" s="2">
        <v>579</v>
      </c>
      <c r="E1124" s="13">
        <v>8431</v>
      </c>
    </row>
    <row r="1125" spans="1:5" ht="12.75" hidden="1" outlineLevel="1">
      <c r="A1125" s="1" t="s">
        <v>1117</v>
      </c>
      <c r="B1125" s="2">
        <v>1800</v>
      </c>
      <c r="C1125" s="2">
        <v>1650</v>
      </c>
      <c r="D1125" s="2">
        <v>1500</v>
      </c>
      <c r="E1125" s="13">
        <v>4671</v>
      </c>
    </row>
    <row r="1126" spans="1:5" ht="12.75" hidden="1" outlineLevel="1">
      <c r="A1126" s="1" t="s">
        <v>1118</v>
      </c>
      <c r="B1126" s="2">
        <v>3345</v>
      </c>
      <c r="C1126" s="2">
        <v>3065</v>
      </c>
      <c r="D1126" s="2">
        <v>2790</v>
      </c>
      <c r="E1126" s="13">
        <v>5276</v>
      </c>
    </row>
    <row r="1127" spans="1:5" ht="12.75" hidden="1" outlineLevel="1">
      <c r="A1127" s="1" t="s">
        <v>1119</v>
      </c>
      <c r="B1127" s="2">
        <v>3345</v>
      </c>
      <c r="C1127" s="2">
        <v>3065</v>
      </c>
      <c r="D1127" s="2">
        <v>2790</v>
      </c>
      <c r="E1127" s="13">
        <v>5476</v>
      </c>
    </row>
    <row r="1128" spans="1:5" ht="12.75" hidden="1" outlineLevel="1">
      <c r="A1128" s="1" t="s">
        <v>1120</v>
      </c>
      <c r="B1128" s="2">
        <v>2060</v>
      </c>
      <c r="C1128" s="2">
        <v>1890</v>
      </c>
      <c r="D1128" s="2">
        <v>1715</v>
      </c>
      <c r="E1128" s="13">
        <v>5757</v>
      </c>
    </row>
    <row r="1129" spans="1:5" ht="12.75" hidden="1" outlineLevel="1">
      <c r="A1129" s="1" t="s">
        <v>1121</v>
      </c>
      <c r="B1129" s="2">
        <v>4580</v>
      </c>
      <c r="C1129" s="2">
        <v>4200</v>
      </c>
      <c r="D1129" s="2">
        <v>3820</v>
      </c>
      <c r="E1129" s="13">
        <v>6191</v>
      </c>
    </row>
    <row r="1130" spans="1:5" ht="12.75" hidden="1" outlineLevel="1">
      <c r="A1130" s="1" t="s">
        <v>1122</v>
      </c>
      <c r="B1130" s="2">
        <v>2575</v>
      </c>
      <c r="C1130" s="2">
        <v>2360</v>
      </c>
      <c r="D1130" s="2">
        <v>2145</v>
      </c>
      <c r="E1130" s="13">
        <v>5477</v>
      </c>
    </row>
    <row r="1131" spans="1:5" ht="12.75" hidden="1" outlineLevel="1">
      <c r="A1131" s="1" t="s">
        <v>1123</v>
      </c>
      <c r="B1131" s="2">
        <v>2315</v>
      </c>
      <c r="C1131" s="2">
        <v>2125</v>
      </c>
      <c r="D1131" s="2">
        <v>1930</v>
      </c>
      <c r="E1131" s="13">
        <v>9931</v>
      </c>
    </row>
    <row r="1132" spans="1:5" ht="12.75" hidden="1" outlineLevel="1">
      <c r="A1132" s="1" t="s">
        <v>1124</v>
      </c>
      <c r="B1132" s="2">
        <v>1235</v>
      </c>
      <c r="C1132" s="2">
        <v>1135</v>
      </c>
      <c r="D1132" s="2">
        <v>1030</v>
      </c>
      <c r="E1132" s="13">
        <v>9364</v>
      </c>
    </row>
    <row r="1133" spans="1:5" ht="19.5" hidden="1" outlineLevel="1">
      <c r="A1133" s="1" t="s">
        <v>1125</v>
      </c>
      <c r="B1133" s="2">
        <v>566</v>
      </c>
      <c r="C1133" s="2">
        <v>519</v>
      </c>
      <c r="D1133" s="2">
        <v>472</v>
      </c>
      <c r="E1133" s="13">
        <v>7272</v>
      </c>
    </row>
    <row r="1134" spans="1:5" ht="12.75" hidden="1" outlineLevel="1">
      <c r="A1134" s="1" t="s">
        <v>1126</v>
      </c>
      <c r="B1134" s="2">
        <v>618</v>
      </c>
      <c r="C1134" s="2">
        <v>566</v>
      </c>
      <c r="D1134" s="2">
        <v>515</v>
      </c>
      <c r="E1134" s="13">
        <v>6508</v>
      </c>
    </row>
    <row r="1135" spans="1:5" ht="12.75" hidden="1" outlineLevel="1">
      <c r="A1135" s="1" t="s">
        <v>1127</v>
      </c>
      <c r="B1135" s="2">
        <v>4120</v>
      </c>
      <c r="C1135" s="2">
        <v>3775</v>
      </c>
      <c r="D1135" s="2">
        <v>3430</v>
      </c>
      <c r="E1135" s="13">
        <v>5592</v>
      </c>
    </row>
    <row r="1136" spans="1:5" ht="12.75" hidden="1" outlineLevel="1">
      <c r="A1136" s="1" t="s">
        <v>1128</v>
      </c>
      <c r="B1136" s="2">
        <v>1545</v>
      </c>
      <c r="C1136" s="2">
        <v>1415</v>
      </c>
      <c r="D1136" s="2">
        <v>1285</v>
      </c>
      <c r="E1136" s="13">
        <v>793</v>
      </c>
    </row>
    <row r="1137" spans="1:5" ht="12.75" hidden="1" outlineLevel="1">
      <c r="A1137" s="1" t="s">
        <v>1129</v>
      </c>
      <c r="B1137" s="2">
        <v>2575</v>
      </c>
      <c r="C1137" s="2">
        <v>2360</v>
      </c>
      <c r="D1137" s="2">
        <v>2145</v>
      </c>
      <c r="E1137" s="13">
        <v>1143</v>
      </c>
    </row>
    <row r="1138" spans="1:5" ht="12.75" hidden="1" outlineLevel="1">
      <c r="A1138" s="1" t="s">
        <v>1130</v>
      </c>
      <c r="B1138" s="2">
        <v>1545</v>
      </c>
      <c r="C1138" s="2">
        <v>1415</v>
      </c>
      <c r="D1138" s="2">
        <v>1285</v>
      </c>
      <c r="E1138" s="13">
        <v>1734</v>
      </c>
    </row>
    <row r="1139" spans="1:5" ht="12.75" hidden="1" outlineLevel="1">
      <c r="A1139" s="1" t="s">
        <v>1131</v>
      </c>
      <c r="B1139" s="2">
        <v>1545</v>
      </c>
      <c r="C1139" s="2">
        <v>1415</v>
      </c>
      <c r="D1139" s="2">
        <v>1285</v>
      </c>
      <c r="E1139" s="13">
        <v>1727</v>
      </c>
    </row>
    <row r="1140" spans="1:5" ht="12.75" hidden="1" outlineLevel="1">
      <c r="A1140" s="1" t="s">
        <v>1132</v>
      </c>
      <c r="B1140" s="2">
        <v>1030</v>
      </c>
      <c r="C1140" s="2">
        <v>945</v>
      </c>
      <c r="D1140" s="2">
        <v>860</v>
      </c>
      <c r="E1140" s="13">
        <v>4418</v>
      </c>
    </row>
    <row r="1141" spans="1:5" ht="19.5" hidden="1" outlineLevel="1">
      <c r="A1141" s="1" t="s">
        <v>1133</v>
      </c>
      <c r="B1141" s="2">
        <v>15440</v>
      </c>
      <c r="C1141" s="2">
        <v>14160</v>
      </c>
      <c r="D1141" s="2">
        <v>12870</v>
      </c>
      <c r="E1141" s="13">
        <v>4347</v>
      </c>
    </row>
    <row r="1142" spans="1:5" ht="12.75" hidden="1" outlineLevel="1">
      <c r="A1142" s="1" t="s">
        <v>1134</v>
      </c>
      <c r="B1142" s="2">
        <v>2575</v>
      </c>
      <c r="C1142" s="2">
        <v>2360</v>
      </c>
      <c r="D1142" s="2">
        <v>2145</v>
      </c>
      <c r="E1142" s="13">
        <v>3311</v>
      </c>
    </row>
    <row r="1143" spans="1:5" ht="12.75" hidden="1" outlineLevel="1">
      <c r="A1143" s="1" t="s">
        <v>1135</v>
      </c>
      <c r="B1143" s="2">
        <v>2575</v>
      </c>
      <c r="C1143" s="2">
        <v>2360</v>
      </c>
      <c r="D1143" s="2">
        <v>2145</v>
      </c>
      <c r="E1143" s="13">
        <v>1146</v>
      </c>
    </row>
    <row r="1144" spans="1:5" ht="19.5" hidden="1" outlineLevel="1">
      <c r="A1144" s="1" t="s">
        <v>1136</v>
      </c>
      <c r="B1144" s="2">
        <v>5150</v>
      </c>
      <c r="C1144" s="2">
        <v>4720</v>
      </c>
      <c r="D1144" s="2">
        <v>4290</v>
      </c>
      <c r="E1144" s="13">
        <v>805</v>
      </c>
    </row>
    <row r="1145" spans="1:5" ht="12.75" hidden="1" outlineLevel="1">
      <c r="A1145" s="1" t="s">
        <v>1137</v>
      </c>
      <c r="B1145" s="2">
        <v>5150</v>
      </c>
      <c r="C1145" s="2">
        <v>4720</v>
      </c>
      <c r="D1145" s="2">
        <v>4290</v>
      </c>
      <c r="E1145" s="13">
        <v>5302</v>
      </c>
    </row>
    <row r="1146" spans="1:5" ht="12.75" hidden="1" outlineLevel="1">
      <c r="A1146" s="1" t="s">
        <v>1138</v>
      </c>
      <c r="B1146" s="2">
        <v>5150</v>
      </c>
      <c r="C1146" s="2">
        <v>4720</v>
      </c>
      <c r="D1146" s="2">
        <v>4290</v>
      </c>
      <c r="E1146" s="13">
        <v>3625</v>
      </c>
    </row>
    <row r="1147" spans="1:5" ht="12.75" hidden="1" outlineLevel="1">
      <c r="A1147" s="1" t="s">
        <v>1139</v>
      </c>
      <c r="B1147" s="2">
        <v>5150</v>
      </c>
      <c r="C1147" s="2">
        <v>4720</v>
      </c>
      <c r="D1147" s="2">
        <v>4290</v>
      </c>
      <c r="E1147" s="13">
        <v>3626</v>
      </c>
    </row>
    <row r="1148" spans="1:5" ht="12.75" hidden="1" outlineLevel="1">
      <c r="A1148" s="1" t="s">
        <v>1140</v>
      </c>
      <c r="B1148" s="2">
        <v>5150</v>
      </c>
      <c r="C1148" s="2">
        <v>4720</v>
      </c>
      <c r="D1148" s="2">
        <v>4290</v>
      </c>
      <c r="E1148" s="13">
        <v>5372</v>
      </c>
    </row>
    <row r="1149" spans="1:5" ht="12.75" hidden="1" outlineLevel="1">
      <c r="A1149" s="1" t="s">
        <v>1141</v>
      </c>
      <c r="B1149" s="2">
        <v>5150</v>
      </c>
      <c r="C1149" s="2">
        <v>4720</v>
      </c>
      <c r="D1149" s="2">
        <v>4290</v>
      </c>
      <c r="E1149" s="13">
        <v>5373</v>
      </c>
    </row>
    <row r="1150" spans="1:5" ht="12.75" hidden="1" outlineLevel="1">
      <c r="A1150" s="1" t="s">
        <v>1142</v>
      </c>
      <c r="B1150" s="2">
        <v>5150</v>
      </c>
      <c r="C1150" s="2">
        <v>4720</v>
      </c>
      <c r="D1150" s="2">
        <v>4290</v>
      </c>
      <c r="E1150" s="13">
        <v>5526</v>
      </c>
    </row>
    <row r="1151" spans="1:5" ht="12.75" hidden="1" outlineLevel="1">
      <c r="A1151" s="1" t="s">
        <v>1143</v>
      </c>
      <c r="B1151" s="2">
        <v>5150</v>
      </c>
      <c r="C1151" s="2">
        <v>4720</v>
      </c>
      <c r="D1151" s="2">
        <v>4290</v>
      </c>
      <c r="E1151" s="13">
        <v>1164</v>
      </c>
    </row>
    <row r="1152" spans="1:5" ht="19.5" hidden="1" outlineLevel="1">
      <c r="A1152" s="1" t="s">
        <v>1144</v>
      </c>
      <c r="B1152" s="2">
        <v>9265</v>
      </c>
      <c r="C1152" s="2">
        <v>8495</v>
      </c>
      <c r="D1152" s="2">
        <v>7720</v>
      </c>
      <c r="E1152" s="13">
        <v>5043</v>
      </c>
    </row>
    <row r="1153" spans="1:5" ht="12.75" hidden="1" outlineLevel="1">
      <c r="A1153" s="1" t="s">
        <v>1145</v>
      </c>
      <c r="B1153" s="2">
        <v>5150</v>
      </c>
      <c r="C1153" s="2">
        <v>4720</v>
      </c>
      <c r="D1153" s="2">
        <v>4290</v>
      </c>
      <c r="E1153" s="13">
        <v>5422</v>
      </c>
    </row>
    <row r="1154" spans="1:5" ht="19.5" hidden="1" outlineLevel="1">
      <c r="A1154" s="1" t="s">
        <v>1146</v>
      </c>
      <c r="B1154" s="2">
        <v>2830</v>
      </c>
      <c r="C1154" s="2">
        <v>2595</v>
      </c>
      <c r="D1154" s="2">
        <v>2360</v>
      </c>
      <c r="E1154" s="13">
        <v>799</v>
      </c>
    </row>
    <row r="1155" spans="1:5" ht="12.75" hidden="1" outlineLevel="1">
      <c r="A1155" s="1" t="s">
        <v>1147</v>
      </c>
      <c r="B1155" s="2">
        <v>3345</v>
      </c>
      <c r="C1155" s="2">
        <v>3065</v>
      </c>
      <c r="D1155" s="2">
        <v>2790</v>
      </c>
      <c r="E1155" s="13">
        <v>5273</v>
      </c>
    </row>
    <row r="1156" spans="1:5" collapsed="1">
      <c r="A1156" s="4" t="s">
        <v>1148</v>
      </c>
      <c r="B1156" s="12"/>
      <c r="C1156" s="12"/>
      <c r="D1156" s="12"/>
      <c r="E1156" s="12"/>
    </row>
    <row r="1157" spans="1:5" ht="12.75" hidden="1" outlineLevel="1">
      <c r="A1157" s="1" t="s">
        <v>1149</v>
      </c>
      <c r="B1157" s="2">
        <v>1000</v>
      </c>
      <c r="C1157" s="2">
        <v>870</v>
      </c>
      <c r="D1157" s="2">
        <v>740</v>
      </c>
      <c r="E1157" s="13">
        <v>5501</v>
      </c>
    </row>
    <row r="1158" spans="1:5" ht="12.75" hidden="1" outlineLevel="1">
      <c r="A1158" s="1" t="s">
        <v>1150</v>
      </c>
      <c r="B1158" s="2">
        <v>2720</v>
      </c>
      <c r="C1158" s="2">
        <v>2370</v>
      </c>
      <c r="D1158" s="2">
        <v>2015</v>
      </c>
      <c r="E1158" s="13">
        <v>944</v>
      </c>
    </row>
    <row r="1159" spans="1:5" ht="12.75" hidden="1" outlineLevel="1">
      <c r="A1159" s="1" t="s">
        <v>1151</v>
      </c>
      <c r="B1159" s="2">
        <v>1450</v>
      </c>
      <c r="C1159" s="2">
        <v>1260</v>
      </c>
      <c r="D1159" s="2">
        <v>1075</v>
      </c>
      <c r="E1159" s="13">
        <v>946</v>
      </c>
    </row>
    <row r="1160" spans="1:5" ht="12.75" hidden="1" outlineLevel="1">
      <c r="A1160" s="1" t="s">
        <v>1152</v>
      </c>
      <c r="B1160" s="2">
        <v>463</v>
      </c>
      <c r="C1160" s="2">
        <v>403</v>
      </c>
      <c r="D1160" s="2">
        <v>343</v>
      </c>
      <c r="E1160" s="13">
        <v>3998</v>
      </c>
    </row>
    <row r="1161" spans="1:5" ht="12.75" hidden="1" outlineLevel="1">
      <c r="A1161" s="1" t="s">
        <v>1153</v>
      </c>
      <c r="B1161" s="2">
        <v>672</v>
      </c>
      <c r="C1161" s="2">
        <v>585</v>
      </c>
      <c r="D1161" s="2">
        <v>498</v>
      </c>
      <c r="E1161" s="13">
        <v>61</v>
      </c>
    </row>
    <row r="1162" spans="1:5" ht="12.75" hidden="1" outlineLevel="1">
      <c r="A1162" s="1" t="s">
        <v>1154</v>
      </c>
      <c r="B1162" s="2">
        <v>144.80000000000001</v>
      </c>
      <c r="C1162" s="2">
        <v>126</v>
      </c>
      <c r="D1162" s="2">
        <v>107.3</v>
      </c>
      <c r="E1162" s="13">
        <v>3804</v>
      </c>
    </row>
    <row r="1163" spans="1:5" ht="19.5" hidden="1" outlineLevel="1">
      <c r="A1163" s="1" t="s">
        <v>1155</v>
      </c>
      <c r="B1163" s="2">
        <v>289.60000000000002</v>
      </c>
      <c r="C1163" s="2">
        <v>252</v>
      </c>
      <c r="D1163" s="2">
        <v>214.5</v>
      </c>
      <c r="E1163" s="13">
        <v>6897</v>
      </c>
    </row>
    <row r="1164" spans="1:5" ht="12.75" hidden="1" outlineLevel="1">
      <c r="A1164" s="1" t="s">
        <v>1156</v>
      </c>
      <c r="B1164" s="2">
        <v>2025</v>
      </c>
      <c r="C1164" s="2">
        <v>1765</v>
      </c>
      <c r="D1164" s="2">
        <v>1500</v>
      </c>
      <c r="E1164" s="13">
        <v>8697</v>
      </c>
    </row>
    <row r="1165" spans="1:5" ht="12.75" hidden="1" outlineLevel="1">
      <c r="A1165" s="1" t="s">
        <v>1157</v>
      </c>
      <c r="B1165" s="2">
        <v>289.60000000000002</v>
      </c>
      <c r="C1165" s="2">
        <v>252</v>
      </c>
      <c r="D1165" s="2">
        <v>214.5</v>
      </c>
      <c r="E1165" s="13">
        <v>9697</v>
      </c>
    </row>
    <row r="1166" spans="1:5" ht="12.75" hidden="1" outlineLevel="1">
      <c r="A1166" s="1" t="s">
        <v>1158</v>
      </c>
      <c r="B1166" s="2">
        <v>289.60000000000002</v>
      </c>
      <c r="C1166" s="2">
        <v>252</v>
      </c>
      <c r="D1166" s="2">
        <v>214.5</v>
      </c>
      <c r="E1166" s="13">
        <v>959</v>
      </c>
    </row>
    <row r="1167" spans="1:5" ht="12.75" hidden="1" outlineLevel="1">
      <c r="A1167" s="1" t="s">
        <v>1159</v>
      </c>
      <c r="B1167" s="2">
        <v>289.60000000000002</v>
      </c>
      <c r="C1167" s="2">
        <v>252</v>
      </c>
      <c r="D1167" s="2">
        <v>214.5</v>
      </c>
      <c r="E1167" s="13">
        <v>9694</v>
      </c>
    </row>
    <row r="1168" spans="1:5" ht="12.75" hidden="1" outlineLevel="1">
      <c r="A1168" s="1" t="s">
        <v>1160</v>
      </c>
      <c r="B1168" s="2">
        <v>289.60000000000002</v>
      </c>
      <c r="C1168" s="2">
        <v>252</v>
      </c>
      <c r="D1168" s="2">
        <v>214.5</v>
      </c>
      <c r="E1168" s="13">
        <v>1056</v>
      </c>
    </row>
    <row r="1169" spans="1:5" ht="12.75" hidden="1" outlineLevel="1">
      <c r="A1169" s="1" t="s">
        <v>1161</v>
      </c>
      <c r="B1169" s="2">
        <v>289.60000000000002</v>
      </c>
      <c r="C1169" s="2">
        <v>252</v>
      </c>
      <c r="D1169" s="2">
        <v>214.5</v>
      </c>
      <c r="E1169" s="13">
        <v>7063</v>
      </c>
    </row>
    <row r="1170" spans="1:5" ht="12.75" hidden="1" outlineLevel="1">
      <c r="A1170" s="1" t="s">
        <v>1162</v>
      </c>
      <c r="B1170" s="2">
        <v>1160</v>
      </c>
      <c r="C1170" s="2">
        <v>1010</v>
      </c>
      <c r="D1170" s="2">
        <v>860</v>
      </c>
      <c r="E1170" s="13">
        <v>3506</v>
      </c>
    </row>
    <row r="1171" spans="1:5" ht="12.75" hidden="1" outlineLevel="1">
      <c r="A1171" s="1" t="s">
        <v>1163</v>
      </c>
      <c r="B1171" s="2">
        <v>1450</v>
      </c>
      <c r="C1171" s="2">
        <v>1260</v>
      </c>
      <c r="D1171" s="2">
        <v>1075</v>
      </c>
      <c r="E1171" s="13">
        <v>963</v>
      </c>
    </row>
    <row r="1172" spans="1:5" ht="12.75" hidden="1" outlineLevel="1">
      <c r="A1172" s="1" t="s">
        <v>1164</v>
      </c>
      <c r="B1172" s="2">
        <v>637</v>
      </c>
      <c r="C1172" s="2">
        <v>555</v>
      </c>
      <c r="D1172" s="2">
        <v>472</v>
      </c>
      <c r="E1172" s="13">
        <v>4649</v>
      </c>
    </row>
    <row r="1173" spans="1:5" ht="12.75" hidden="1" outlineLevel="1">
      <c r="A1173" s="1" t="s">
        <v>1165</v>
      </c>
      <c r="B1173" s="2">
        <v>289.60000000000002</v>
      </c>
      <c r="C1173" s="2">
        <v>252</v>
      </c>
      <c r="D1173" s="2">
        <v>214.5</v>
      </c>
      <c r="E1173" s="13">
        <v>1631</v>
      </c>
    </row>
    <row r="1174" spans="1:5" ht="12.75" hidden="1" outlineLevel="1">
      <c r="A1174" s="1" t="s">
        <v>1166</v>
      </c>
      <c r="B1174" s="2">
        <v>579</v>
      </c>
      <c r="C1174" s="2">
        <v>504</v>
      </c>
      <c r="D1174" s="2">
        <v>429</v>
      </c>
      <c r="E1174" s="13">
        <v>8698</v>
      </c>
    </row>
    <row r="1175" spans="1:5" ht="12.75" hidden="1" outlineLevel="1">
      <c r="A1175" s="1" t="s">
        <v>1167</v>
      </c>
      <c r="B1175" s="2">
        <v>289.60000000000002</v>
      </c>
      <c r="C1175" s="2">
        <v>252</v>
      </c>
      <c r="D1175" s="2">
        <v>214.5</v>
      </c>
      <c r="E1175" s="13">
        <v>7878</v>
      </c>
    </row>
    <row r="1176" spans="1:5" ht="12.75" hidden="1" outlineLevel="1">
      <c r="A1176" s="1" t="s">
        <v>1168</v>
      </c>
      <c r="B1176" s="2">
        <v>1450</v>
      </c>
      <c r="C1176" s="2">
        <v>1260</v>
      </c>
      <c r="D1176" s="2">
        <v>1075</v>
      </c>
      <c r="E1176" s="13">
        <v>8678</v>
      </c>
    </row>
    <row r="1177" spans="1:5" ht="12.75" hidden="1" outlineLevel="1">
      <c r="A1177" s="1" t="s">
        <v>1169</v>
      </c>
      <c r="B1177" s="2">
        <v>289.60000000000002</v>
      </c>
      <c r="C1177" s="2">
        <v>252</v>
      </c>
      <c r="D1177" s="2">
        <v>214.5</v>
      </c>
      <c r="E1177" s="13">
        <v>9696</v>
      </c>
    </row>
    <row r="1178" spans="1:5" ht="12.75" hidden="1" outlineLevel="1">
      <c r="A1178" s="1" t="s">
        <v>1170</v>
      </c>
      <c r="B1178" s="2">
        <v>463</v>
      </c>
      <c r="C1178" s="2">
        <v>403</v>
      </c>
      <c r="D1178" s="2">
        <v>343</v>
      </c>
      <c r="E1178" s="13">
        <v>8360</v>
      </c>
    </row>
    <row r="1179" spans="1:5" ht="12.75" hidden="1" outlineLevel="1">
      <c r="A1179" s="1" t="s">
        <v>1171</v>
      </c>
      <c r="B1179" s="2">
        <v>463</v>
      </c>
      <c r="C1179" s="2">
        <v>403</v>
      </c>
      <c r="D1179" s="2">
        <v>343</v>
      </c>
      <c r="E1179" s="13">
        <v>5584</v>
      </c>
    </row>
    <row r="1180" spans="1:5" ht="12.75" hidden="1" outlineLevel="1">
      <c r="A1180" s="1" t="s">
        <v>1172</v>
      </c>
      <c r="B1180" s="2">
        <v>231.7</v>
      </c>
      <c r="C1180" s="2">
        <v>201.6</v>
      </c>
      <c r="D1180" s="2">
        <v>171.6</v>
      </c>
      <c r="E1180" s="13">
        <v>7591</v>
      </c>
    </row>
    <row r="1181" spans="1:5" ht="12.75" hidden="1" outlineLevel="1">
      <c r="A1181" s="1" t="s">
        <v>1173</v>
      </c>
      <c r="B1181" s="2">
        <v>579</v>
      </c>
      <c r="C1181" s="2">
        <v>504</v>
      </c>
      <c r="D1181" s="2">
        <v>429</v>
      </c>
      <c r="E1181" s="13">
        <v>1229</v>
      </c>
    </row>
    <row r="1182" spans="1:5" ht="12.75" hidden="1" outlineLevel="1">
      <c r="A1182" s="1" t="s">
        <v>1174</v>
      </c>
      <c r="B1182" s="2">
        <v>1040</v>
      </c>
      <c r="C1182" s="2">
        <v>905</v>
      </c>
      <c r="D1182" s="2">
        <v>770</v>
      </c>
      <c r="E1182" s="13">
        <v>1384</v>
      </c>
    </row>
    <row r="1183" spans="1:5" ht="12.75" hidden="1" outlineLevel="1">
      <c r="A1183" s="1" t="s">
        <v>1175</v>
      </c>
      <c r="B1183" s="2">
        <v>1450</v>
      </c>
      <c r="C1183" s="2">
        <v>1260</v>
      </c>
      <c r="D1183" s="2">
        <v>1075</v>
      </c>
      <c r="E1183" s="13">
        <v>3404</v>
      </c>
    </row>
    <row r="1184" spans="1:5" ht="12.75" hidden="1" outlineLevel="1">
      <c r="A1184" s="1" t="s">
        <v>1176</v>
      </c>
      <c r="B1184" s="2">
        <v>289.60000000000002</v>
      </c>
      <c r="C1184" s="2">
        <v>252</v>
      </c>
      <c r="D1184" s="2">
        <v>214.5</v>
      </c>
      <c r="E1184" s="13">
        <v>9695</v>
      </c>
    </row>
    <row r="1185" spans="1:5" ht="12.75" hidden="1" outlineLevel="1">
      <c r="A1185" s="1" t="s">
        <v>1177</v>
      </c>
      <c r="B1185" s="2">
        <v>579</v>
      </c>
      <c r="C1185" s="2">
        <v>504</v>
      </c>
      <c r="D1185" s="2">
        <v>429</v>
      </c>
      <c r="E1185" s="13">
        <v>5586</v>
      </c>
    </row>
    <row r="1186" spans="1:5" ht="12.75" hidden="1" outlineLevel="1">
      <c r="A1186" s="1" t="s">
        <v>1178</v>
      </c>
      <c r="B1186" s="2">
        <v>579</v>
      </c>
      <c r="C1186" s="2">
        <v>504</v>
      </c>
      <c r="D1186" s="2">
        <v>429</v>
      </c>
      <c r="E1186" s="13">
        <v>3989</v>
      </c>
    </row>
    <row r="1187" spans="1:5" ht="12.75" hidden="1" outlineLevel="1">
      <c r="A1187" s="1" t="s">
        <v>1179</v>
      </c>
      <c r="B1187" s="2">
        <v>1160</v>
      </c>
      <c r="C1187" s="2">
        <v>1010</v>
      </c>
      <c r="D1187" s="2">
        <v>860</v>
      </c>
      <c r="E1187" s="13">
        <v>1415</v>
      </c>
    </row>
    <row r="1188" spans="1:5" ht="12.75" hidden="1" outlineLevel="1">
      <c r="A1188" s="1" t="s">
        <v>1180</v>
      </c>
      <c r="B1188" s="2">
        <v>1160</v>
      </c>
      <c r="C1188" s="2">
        <v>1010</v>
      </c>
      <c r="D1188" s="2">
        <v>860</v>
      </c>
      <c r="E1188" s="13">
        <v>1270</v>
      </c>
    </row>
    <row r="1189" spans="1:5" ht="12.75" hidden="1" outlineLevel="1">
      <c r="A1189" s="1" t="s">
        <v>1181</v>
      </c>
      <c r="B1189" s="2">
        <v>1735</v>
      </c>
      <c r="C1189" s="2">
        <v>1510</v>
      </c>
      <c r="D1189" s="2">
        <v>1285</v>
      </c>
      <c r="E1189" s="13">
        <v>962</v>
      </c>
    </row>
    <row r="1190" spans="1:5" collapsed="1">
      <c r="A1190" s="4" t="s">
        <v>1182</v>
      </c>
      <c r="B1190" s="12"/>
      <c r="C1190" s="12"/>
      <c r="D1190" s="12"/>
      <c r="E1190" s="12"/>
    </row>
    <row r="1191" spans="1:5" ht="12.75" hidden="1" outlineLevel="1">
      <c r="A1191" s="1" t="s">
        <v>1183</v>
      </c>
      <c r="B1191" s="2">
        <v>960</v>
      </c>
      <c r="C1191" s="2">
        <v>910</v>
      </c>
      <c r="D1191" s="2">
        <v>860</v>
      </c>
      <c r="E1191" s="13">
        <v>893</v>
      </c>
    </row>
    <row r="1192" spans="1:5" ht="12.75" hidden="1" outlineLevel="1">
      <c r="A1192" s="1" t="s">
        <v>1184</v>
      </c>
      <c r="B1192" s="2">
        <v>3365</v>
      </c>
      <c r="C1192" s="2">
        <v>3185</v>
      </c>
      <c r="D1192" s="2">
        <v>3005</v>
      </c>
      <c r="E1192" s="13">
        <v>894</v>
      </c>
    </row>
    <row r="1193" spans="1:5" ht="29.25" hidden="1" outlineLevel="1">
      <c r="A1193" s="1" t="s">
        <v>1185</v>
      </c>
      <c r="B1193" s="2">
        <v>625</v>
      </c>
      <c r="C1193" s="2">
        <v>591</v>
      </c>
      <c r="D1193" s="2">
        <v>558</v>
      </c>
      <c r="E1193" s="13">
        <v>5743</v>
      </c>
    </row>
    <row r="1194" spans="1:5" ht="12.75" hidden="1" outlineLevel="1">
      <c r="A1194" s="1" t="s">
        <v>1186</v>
      </c>
      <c r="B1194" s="2">
        <v>720</v>
      </c>
      <c r="C1194" s="2">
        <v>682</v>
      </c>
      <c r="D1194" s="2">
        <v>644</v>
      </c>
      <c r="E1194" s="13">
        <v>5742</v>
      </c>
    </row>
    <row r="1195" spans="1:5" ht="12.75" hidden="1" outlineLevel="1">
      <c r="A1195" s="1" t="s">
        <v>1187</v>
      </c>
      <c r="B1195" s="2">
        <v>5045</v>
      </c>
      <c r="C1195" s="2">
        <v>4775</v>
      </c>
      <c r="D1195" s="2">
        <v>4505</v>
      </c>
      <c r="E1195" s="13">
        <v>4885</v>
      </c>
    </row>
    <row r="1196" spans="1:5" ht="12.75" hidden="1" outlineLevel="1">
      <c r="A1196" s="1" t="s">
        <v>1188</v>
      </c>
      <c r="B1196" s="2">
        <v>2885</v>
      </c>
      <c r="C1196" s="2">
        <v>2730</v>
      </c>
      <c r="D1196" s="2">
        <v>2575</v>
      </c>
      <c r="E1196" s="13">
        <v>6200</v>
      </c>
    </row>
    <row r="1197" spans="1:5" ht="12.75" hidden="1" outlineLevel="1">
      <c r="A1197" s="1" t="s">
        <v>1189</v>
      </c>
      <c r="B1197" s="2">
        <v>4805</v>
      </c>
      <c r="C1197" s="2">
        <v>4545</v>
      </c>
      <c r="D1197" s="2">
        <v>4290</v>
      </c>
      <c r="E1197" s="13">
        <v>3482</v>
      </c>
    </row>
    <row r="1198" spans="1:5" ht="12.75" hidden="1" outlineLevel="1">
      <c r="A1198" s="1" t="s">
        <v>1190</v>
      </c>
      <c r="B1198" s="2">
        <v>4805</v>
      </c>
      <c r="C1198" s="2">
        <v>4545</v>
      </c>
      <c r="D1198" s="2">
        <v>4290</v>
      </c>
      <c r="E1198" s="13">
        <v>3879</v>
      </c>
    </row>
    <row r="1199" spans="1:5" ht="12.75" hidden="1" outlineLevel="1">
      <c r="A1199" s="1" t="s">
        <v>1191</v>
      </c>
      <c r="B1199" s="2">
        <v>2400</v>
      </c>
      <c r="C1199" s="2">
        <v>2275</v>
      </c>
      <c r="D1199" s="2">
        <v>2145</v>
      </c>
      <c r="E1199" s="13">
        <v>6207</v>
      </c>
    </row>
    <row r="1200" spans="1:5" ht="12.75" hidden="1" outlineLevel="1">
      <c r="A1200" s="1" t="s">
        <v>1192</v>
      </c>
      <c r="B1200" s="2">
        <v>735</v>
      </c>
      <c r="C1200" s="2">
        <v>696</v>
      </c>
      <c r="D1200" s="2">
        <v>656</v>
      </c>
      <c r="E1200" s="13">
        <v>55</v>
      </c>
    </row>
    <row r="1201" spans="1:5" ht="12.75" hidden="1" outlineLevel="1">
      <c r="A1201" s="1" t="s">
        <v>1193</v>
      </c>
      <c r="B1201" s="2">
        <v>735</v>
      </c>
      <c r="C1201" s="2">
        <v>696</v>
      </c>
      <c r="D1201" s="2">
        <v>656</v>
      </c>
      <c r="E1201" s="13">
        <v>4213</v>
      </c>
    </row>
    <row r="1202" spans="1:5" ht="12.75" hidden="1" outlineLevel="1">
      <c r="A1202" s="1" t="s">
        <v>1194</v>
      </c>
      <c r="B1202" s="2">
        <v>1920</v>
      </c>
      <c r="C1202" s="2">
        <v>1820</v>
      </c>
      <c r="D1202" s="2">
        <v>1715</v>
      </c>
      <c r="E1202" s="13">
        <v>4327</v>
      </c>
    </row>
    <row r="1203" spans="1:5" ht="12.75" hidden="1" outlineLevel="1">
      <c r="A1203" s="1" t="s">
        <v>1195</v>
      </c>
      <c r="B1203" s="2">
        <v>6725</v>
      </c>
      <c r="C1203" s="2">
        <v>6365</v>
      </c>
      <c r="D1203" s="2">
        <v>6005</v>
      </c>
      <c r="E1203" s="13">
        <v>3894</v>
      </c>
    </row>
    <row r="1204" spans="1:5" ht="12.75" hidden="1" outlineLevel="1">
      <c r="A1204" s="1" t="s">
        <v>1196</v>
      </c>
      <c r="B1204" s="2">
        <v>13450</v>
      </c>
      <c r="C1204" s="2">
        <v>12730</v>
      </c>
      <c r="D1204" s="2">
        <v>12010</v>
      </c>
      <c r="E1204" s="13">
        <v>3905</v>
      </c>
    </row>
    <row r="1205" spans="1:5" ht="12.75" hidden="1" outlineLevel="1">
      <c r="A1205" s="1" t="s">
        <v>1197</v>
      </c>
      <c r="B1205" s="2">
        <v>865</v>
      </c>
      <c r="C1205" s="2">
        <v>820</v>
      </c>
      <c r="D1205" s="2">
        <v>770</v>
      </c>
      <c r="E1205" s="13">
        <v>8352</v>
      </c>
    </row>
    <row r="1206" spans="1:5" ht="12.75" hidden="1" outlineLevel="1">
      <c r="A1206" s="1" t="s">
        <v>1198</v>
      </c>
      <c r="B1206" s="2">
        <v>1920</v>
      </c>
      <c r="C1206" s="2">
        <v>1820</v>
      </c>
      <c r="D1206" s="2">
        <v>1715</v>
      </c>
      <c r="E1206" s="13">
        <v>3880</v>
      </c>
    </row>
    <row r="1207" spans="1:5" ht="12.75" hidden="1" outlineLevel="1">
      <c r="A1207" s="1" t="s">
        <v>1199</v>
      </c>
      <c r="B1207" s="2">
        <v>1920</v>
      </c>
      <c r="C1207" s="2">
        <v>1820</v>
      </c>
      <c r="D1207" s="2">
        <v>1715</v>
      </c>
      <c r="E1207" s="13">
        <v>895</v>
      </c>
    </row>
    <row r="1208" spans="1:5" ht="19.5" hidden="1" outlineLevel="1">
      <c r="A1208" s="1" t="s">
        <v>1200</v>
      </c>
      <c r="B1208" s="2">
        <v>1200</v>
      </c>
      <c r="C1208" s="2">
        <v>1135</v>
      </c>
      <c r="D1208" s="2">
        <v>1075</v>
      </c>
      <c r="E1208" s="13">
        <v>1612</v>
      </c>
    </row>
    <row r="1209" spans="1:5" ht="19.5" hidden="1" outlineLevel="1">
      <c r="A1209" s="1" t="s">
        <v>1201</v>
      </c>
      <c r="B1209" s="2">
        <v>2400</v>
      </c>
      <c r="C1209" s="2">
        <v>2275</v>
      </c>
      <c r="D1209" s="2">
        <v>2145</v>
      </c>
      <c r="E1209" s="13">
        <v>3530</v>
      </c>
    </row>
    <row r="1210" spans="1:5" ht="19.5" hidden="1" outlineLevel="1">
      <c r="A1210" s="1" t="s">
        <v>1202</v>
      </c>
      <c r="B1210" s="2">
        <v>1105</v>
      </c>
      <c r="C1210" s="2">
        <v>1045</v>
      </c>
      <c r="D1210" s="2">
        <v>985</v>
      </c>
      <c r="E1210" s="13">
        <v>7626</v>
      </c>
    </row>
    <row r="1211" spans="1:5" ht="12.75" hidden="1" outlineLevel="1">
      <c r="A1211" s="1" t="s">
        <v>1203</v>
      </c>
      <c r="B1211" s="2">
        <v>2885</v>
      </c>
      <c r="C1211" s="2">
        <v>2730</v>
      </c>
      <c r="D1211" s="2">
        <v>2575</v>
      </c>
      <c r="E1211" s="13">
        <v>7628</v>
      </c>
    </row>
    <row r="1212" spans="1:5" ht="12.75" hidden="1" outlineLevel="1">
      <c r="A1212" s="1" t="s">
        <v>1204</v>
      </c>
      <c r="B1212" s="2">
        <v>3365</v>
      </c>
      <c r="C1212" s="2">
        <v>3185</v>
      </c>
      <c r="D1212" s="2">
        <v>3005</v>
      </c>
      <c r="E1212" s="13">
        <v>4120</v>
      </c>
    </row>
    <row r="1213" spans="1:5" ht="29.25" hidden="1" outlineLevel="1">
      <c r="A1213" s="1" t="s">
        <v>1205</v>
      </c>
      <c r="B1213" s="2">
        <v>481</v>
      </c>
      <c r="C1213" s="2">
        <v>455</v>
      </c>
      <c r="D1213" s="2">
        <v>429</v>
      </c>
      <c r="E1213" s="13">
        <v>7625</v>
      </c>
    </row>
    <row r="1214" spans="1:5" ht="19.5" hidden="1" outlineLevel="1">
      <c r="A1214" s="1" t="s">
        <v>1206</v>
      </c>
      <c r="B1214" s="2">
        <v>577</v>
      </c>
      <c r="C1214" s="2">
        <v>546</v>
      </c>
      <c r="D1214" s="2">
        <v>515</v>
      </c>
      <c r="E1214" s="13">
        <v>7627</v>
      </c>
    </row>
    <row r="1215" spans="1:5" ht="19.5" hidden="1" outlineLevel="1">
      <c r="A1215" s="1" t="s">
        <v>1207</v>
      </c>
      <c r="B1215" s="2">
        <v>3845</v>
      </c>
      <c r="C1215" s="2">
        <v>3640</v>
      </c>
      <c r="D1215" s="2">
        <v>3430</v>
      </c>
      <c r="E1215" s="13">
        <v>6502</v>
      </c>
    </row>
    <row r="1216" spans="1:5" ht="12.75" hidden="1" outlineLevel="1">
      <c r="A1216" s="1" t="s">
        <v>1208</v>
      </c>
      <c r="B1216" s="2">
        <v>2885</v>
      </c>
      <c r="C1216" s="2">
        <v>2730</v>
      </c>
      <c r="D1216" s="2">
        <v>2575</v>
      </c>
      <c r="E1216" s="13">
        <v>6924</v>
      </c>
    </row>
    <row r="1217" spans="1:5" collapsed="1">
      <c r="A1217" s="4" t="s">
        <v>1209</v>
      </c>
      <c r="B1217" s="12"/>
      <c r="C1217" s="12"/>
      <c r="D1217" s="12"/>
      <c r="E1217" s="12"/>
    </row>
    <row r="1218" spans="1:5" ht="12.75" hidden="1" outlineLevel="1">
      <c r="A1218" s="1" t="s">
        <v>1210</v>
      </c>
      <c r="B1218" s="2">
        <v>1480</v>
      </c>
      <c r="C1218" s="2">
        <v>1385</v>
      </c>
      <c r="D1218" s="2">
        <v>1285</v>
      </c>
      <c r="E1218" s="13">
        <v>896</v>
      </c>
    </row>
    <row r="1219" spans="1:5" ht="19.5" hidden="1" outlineLevel="1">
      <c r="A1219" s="1" t="s">
        <v>1211</v>
      </c>
      <c r="B1219" s="2">
        <v>12330</v>
      </c>
      <c r="C1219" s="2">
        <v>11530</v>
      </c>
      <c r="D1219" s="2">
        <v>10730</v>
      </c>
      <c r="E1219" s="13">
        <v>3813</v>
      </c>
    </row>
    <row r="1220" spans="1:5" ht="12.75" hidden="1" outlineLevel="1">
      <c r="A1220" s="1" t="s">
        <v>1212</v>
      </c>
      <c r="B1220" s="2">
        <v>22200</v>
      </c>
      <c r="C1220" s="2">
        <v>20750</v>
      </c>
      <c r="D1220" s="2">
        <v>19310</v>
      </c>
      <c r="E1220" s="13">
        <v>6119</v>
      </c>
    </row>
    <row r="1221" spans="1:5" ht="19.5" hidden="1" outlineLevel="1">
      <c r="A1221" s="1" t="s">
        <v>1213</v>
      </c>
      <c r="B1221" s="2">
        <v>12330</v>
      </c>
      <c r="C1221" s="2">
        <v>11530</v>
      </c>
      <c r="D1221" s="2">
        <v>10730</v>
      </c>
      <c r="E1221" s="13">
        <v>3212</v>
      </c>
    </row>
    <row r="1222" spans="1:5" ht="12.75" hidden="1" outlineLevel="1">
      <c r="A1222" s="1" t="s">
        <v>1214</v>
      </c>
      <c r="B1222" s="2">
        <v>34530</v>
      </c>
      <c r="C1222" s="2">
        <v>32280</v>
      </c>
      <c r="D1222" s="2">
        <v>30030</v>
      </c>
      <c r="E1222" s="13">
        <v>5778</v>
      </c>
    </row>
    <row r="1223" spans="1:5" ht="12.75" hidden="1" outlineLevel="1">
      <c r="A1223" s="1" t="s">
        <v>1215</v>
      </c>
      <c r="B1223" s="2">
        <v>19730</v>
      </c>
      <c r="C1223" s="2">
        <v>18450</v>
      </c>
      <c r="D1223" s="2">
        <v>17160</v>
      </c>
      <c r="E1223" s="13">
        <v>4200</v>
      </c>
    </row>
    <row r="1224" spans="1:5" ht="12.75" hidden="1" outlineLevel="1">
      <c r="A1224" s="1" t="s">
        <v>1216</v>
      </c>
      <c r="B1224" s="2">
        <v>19730</v>
      </c>
      <c r="C1224" s="2">
        <v>18450</v>
      </c>
      <c r="D1224" s="2">
        <v>17160</v>
      </c>
      <c r="E1224" s="13">
        <v>5415</v>
      </c>
    </row>
    <row r="1225" spans="1:5" ht="12.75" hidden="1" outlineLevel="1">
      <c r="A1225" s="1" t="s">
        <v>1217</v>
      </c>
      <c r="B1225" s="2">
        <v>4935</v>
      </c>
      <c r="C1225" s="2">
        <v>4610</v>
      </c>
      <c r="D1225" s="2">
        <v>4290</v>
      </c>
      <c r="E1225" s="13">
        <v>3292</v>
      </c>
    </row>
    <row r="1226" spans="1:5" ht="12.75" hidden="1" outlineLevel="1">
      <c r="A1226" s="1" t="s">
        <v>1218</v>
      </c>
      <c r="B1226" s="2">
        <v>7400</v>
      </c>
      <c r="C1226" s="2">
        <v>6920</v>
      </c>
      <c r="D1226" s="2">
        <v>6435</v>
      </c>
      <c r="E1226" s="13">
        <v>983</v>
      </c>
    </row>
    <row r="1227" spans="1:5" ht="12.75" hidden="1" outlineLevel="1">
      <c r="A1227" s="1" t="s">
        <v>1219</v>
      </c>
      <c r="B1227" s="2">
        <v>985</v>
      </c>
      <c r="C1227" s="2">
        <v>920</v>
      </c>
      <c r="D1227" s="2">
        <v>860</v>
      </c>
      <c r="E1227" s="13">
        <v>1347</v>
      </c>
    </row>
    <row r="1228" spans="1:5" ht="12.75" hidden="1" outlineLevel="1">
      <c r="A1228" s="1" t="s">
        <v>1220</v>
      </c>
      <c r="B1228" s="2">
        <v>9865</v>
      </c>
      <c r="C1228" s="2">
        <v>9225</v>
      </c>
      <c r="D1228" s="2">
        <v>8580</v>
      </c>
      <c r="E1228" s="13">
        <v>5428</v>
      </c>
    </row>
    <row r="1229" spans="1:5" ht="12.75" hidden="1" outlineLevel="1">
      <c r="A1229" s="1" t="s">
        <v>1221</v>
      </c>
      <c r="B1229" s="2">
        <v>6415</v>
      </c>
      <c r="C1229" s="2">
        <v>5995</v>
      </c>
      <c r="D1229" s="2">
        <v>5575</v>
      </c>
      <c r="E1229" s="13">
        <v>9510</v>
      </c>
    </row>
    <row r="1230" spans="1:5" ht="12.75" hidden="1" outlineLevel="1">
      <c r="A1230" s="1" t="s">
        <v>1222</v>
      </c>
      <c r="B1230" s="2">
        <v>98670</v>
      </c>
      <c r="C1230" s="2">
        <v>92240</v>
      </c>
      <c r="D1230" s="2">
        <v>85800</v>
      </c>
      <c r="E1230" s="13">
        <v>4181</v>
      </c>
    </row>
    <row r="1231" spans="1:5" ht="12.75" hidden="1" outlineLevel="1">
      <c r="A1231" s="1" t="s">
        <v>1223</v>
      </c>
      <c r="B1231" s="2">
        <v>98670</v>
      </c>
      <c r="C1231" s="2">
        <v>92240</v>
      </c>
      <c r="D1231" s="2">
        <v>85800</v>
      </c>
      <c r="E1231" s="13">
        <v>6265</v>
      </c>
    </row>
    <row r="1232" spans="1:5" ht="12.75" hidden="1" outlineLevel="1">
      <c r="A1232" s="1" t="s">
        <v>1224</v>
      </c>
      <c r="B1232" s="2">
        <v>98670</v>
      </c>
      <c r="C1232" s="2">
        <v>92240</v>
      </c>
      <c r="D1232" s="2">
        <v>85800</v>
      </c>
      <c r="E1232" s="13">
        <v>4995</v>
      </c>
    </row>
    <row r="1233" spans="1:5" collapsed="1">
      <c r="A1233" s="4" t="s">
        <v>1225</v>
      </c>
      <c r="B1233" s="12"/>
      <c r="C1233" s="12"/>
      <c r="D1233" s="12"/>
      <c r="E1233" s="12"/>
    </row>
    <row r="1234" spans="1:5" ht="12.75" hidden="1" outlineLevel="1">
      <c r="A1234" s="1" t="s">
        <v>1226</v>
      </c>
      <c r="B1234" s="2">
        <v>4720</v>
      </c>
      <c r="C1234" s="2">
        <v>4505</v>
      </c>
      <c r="D1234" s="2">
        <v>4290</v>
      </c>
      <c r="E1234" s="13">
        <v>3902</v>
      </c>
    </row>
    <row r="1235" spans="1:5" ht="12.75" hidden="1" outlineLevel="1">
      <c r="A1235" s="1" t="s">
        <v>1227</v>
      </c>
      <c r="B1235" s="2">
        <v>7080</v>
      </c>
      <c r="C1235" s="2">
        <v>6755</v>
      </c>
      <c r="D1235" s="2">
        <v>6435</v>
      </c>
      <c r="E1235" s="13">
        <v>5291</v>
      </c>
    </row>
    <row r="1236" spans="1:5" ht="12.75" hidden="1" outlineLevel="1">
      <c r="A1236" s="1" t="s">
        <v>1228</v>
      </c>
      <c r="B1236" s="2">
        <v>4720</v>
      </c>
      <c r="C1236" s="2">
        <v>4505</v>
      </c>
      <c r="D1236" s="2">
        <v>4290</v>
      </c>
      <c r="E1236" s="13">
        <v>4421</v>
      </c>
    </row>
    <row r="1237" spans="1:5" collapsed="1">
      <c r="A1237" s="4" t="s">
        <v>1229</v>
      </c>
      <c r="B1237" s="12"/>
      <c r="C1237" s="12"/>
      <c r="D1237" s="12"/>
      <c r="E1237" s="12"/>
    </row>
    <row r="1238" spans="1:5" ht="12.75" hidden="1" outlineLevel="1">
      <c r="A1238" s="1" t="s">
        <v>1230</v>
      </c>
      <c r="B1238" s="2">
        <v>49340</v>
      </c>
      <c r="C1238" s="2">
        <v>46120</v>
      </c>
      <c r="D1238" s="2">
        <v>42900</v>
      </c>
      <c r="E1238" s="13">
        <v>5666</v>
      </c>
    </row>
    <row r="1239" spans="1:5" ht="12.75" hidden="1" outlineLevel="1">
      <c r="A1239" s="1" t="s">
        <v>1231</v>
      </c>
      <c r="B1239" s="2">
        <v>49340</v>
      </c>
      <c r="C1239" s="2">
        <v>46120</v>
      </c>
      <c r="D1239" s="2">
        <v>42900</v>
      </c>
      <c r="E1239" s="13">
        <v>1181</v>
      </c>
    </row>
    <row r="1240" spans="1:5" ht="12.75" hidden="1" outlineLevel="1">
      <c r="A1240" s="1" t="s">
        <v>1232</v>
      </c>
      <c r="B1240" s="2">
        <v>26640</v>
      </c>
      <c r="C1240" s="2">
        <v>24900</v>
      </c>
      <c r="D1240" s="2">
        <v>23170</v>
      </c>
      <c r="E1240" s="13">
        <v>3691</v>
      </c>
    </row>
    <row r="1241" spans="1:5" ht="12.75" hidden="1" outlineLevel="1">
      <c r="A1241" s="1" t="s">
        <v>1233</v>
      </c>
      <c r="B1241" s="2">
        <v>29600</v>
      </c>
      <c r="C1241" s="2">
        <v>27670</v>
      </c>
      <c r="D1241" s="2">
        <v>25740</v>
      </c>
      <c r="E1241" s="13">
        <v>6273</v>
      </c>
    </row>
    <row r="1242" spans="1:5" ht="12.75" hidden="1" outlineLevel="1">
      <c r="A1242" s="1" t="s">
        <v>1234</v>
      </c>
      <c r="B1242" s="2">
        <v>985</v>
      </c>
      <c r="C1242" s="2">
        <v>920</v>
      </c>
      <c r="D1242" s="2">
        <v>860</v>
      </c>
      <c r="E1242" s="13">
        <v>98</v>
      </c>
    </row>
    <row r="1243" spans="1:5" ht="12.75" hidden="1" outlineLevel="1">
      <c r="A1243" s="1" t="s">
        <v>1235</v>
      </c>
      <c r="B1243" s="2">
        <v>985</v>
      </c>
      <c r="C1243" s="2">
        <v>920</v>
      </c>
      <c r="D1243" s="2">
        <v>860</v>
      </c>
      <c r="E1243" s="13">
        <v>96</v>
      </c>
    </row>
    <row r="1244" spans="1:5" collapsed="1">
      <c r="A1244" s="4" t="s">
        <v>1236</v>
      </c>
      <c r="B1244" s="12"/>
      <c r="C1244" s="12"/>
      <c r="D1244" s="12"/>
      <c r="E1244" s="12"/>
    </row>
    <row r="1245" spans="1:5" ht="12.75" hidden="1" outlineLevel="1">
      <c r="A1245" s="1" t="s">
        <v>1237</v>
      </c>
      <c r="B1245" s="2">
        <v>945</v>
      </c>
      <c r="C1245" s="2">
        <v>900</v>
      </c>
      <c r="D1245" s="2">
        <v>860</v>
      </c>
      <c r="E1245" s="13">
        <v>936</v>
      </c>
    </row>
    <row r="1246" spans="1:5" ht="12.75" hidden="1" outlineLevel="1">
      <c r="A1246" s="1" t="s">
        <v>1238</v>
      </c>
      <c r="B1246" s="2">
        <v>472</v>
      </c>
      <c r="C1246" s="2">
        <v>451</v>
      </c>
      <c r="D1246" s="2">
        <v>429</v>
      </c>
      <c r="E1246" s="13">
        <v>3687</v>
      </c>
    </row>
    <row r="1247" spans="1:5" collapsed="1">
      <c r="A1247" s="4" t="s">
        <v>1239</v>
      </c>
      <c r="B1247" s="12"/>
      <c r="C1247" s="12"/>
      <c r="D1247" s="12"/>
      <c r="E1247" s="12"/>
    </row>
    <row r="1248" spans="1:5" ht="12.75" hidden="1" outlineLevel="1">
      <c r="A1248" s="1" t="s">
        <v>1240</v>
      </c>
      <c r="B1248" s="2">
        <v>236</v>
      </c>
      <c r="C1248" s="2">
        <v>225.2</v>
      </c>
      <c r="D1248" s="2">
        <v>214.5</v>
      </c>
      <c r="E1248" s="13">
        <v>924</v>
      </c>
    </row>
    <row r="1249" spans="1:5" ht="12.75" hidden="1" outlineLevel="1">
      <c r="A1249" s="1" t="s">
        <v>1241</v>
      </c>
      <c r="B1249" s="2">
        <v>236</v>
      </c>
      <c r="C1249" s="2">
        <v>225.2</v>
      </c>
      <c r="D1249" s="2">
        <v>214.5</v>
      </c>
      <c r="E1249" s="13">
        <v>928</v>
      </c>
    </row>
    <row r="1250" spans="1:5" ht="12.75" hidden="1" outlineLevel="1">
      <c r="A1250" s="1" t="s">
        <v>1242</v>
      </c>
      <c r="B1250" s="2">
        <v>236</v>
      </c>
      <c r="C1250" s="2">
        <v>225.2</v>
      </c>
      <c r="D1250" s="2">
        <v>214.5</v>
      </c>
      <c r="E1250" s="13">
        <v>1244</v>
      </c>
    </row>
    <row r="1251" spans="1:5" ht="12.75" hidden="1" outlineLevel="1">
      <c r="A1251" s="1" t="s">
        <v>1243</v>
      </c>
      <c r="B1251" s="2">
        <v>2360</v>
      </c>
      <c r="C1251" s="2">
        <v>2250</v>
      </c>
      <c r="D1251" s="2">
        <v>2145</v>
      </c>
      <c r="E1251" s="13">
        <v>8685</v>
      </c>
    </row>
    <row r="1252" spans="1:5" ht="12.75" hidden="1" outlineLevel="1">
      <c r="A1252" s="1" t="s">
        <v>1244</v>
      </c>
      <c r="B1252" s="2">
        <v>2360</v>
      </c>
      <c r="C1252" s="2">
        <v>2250</v>
      </c>
      <c r="D1252" s="2">
        <v>2145</v>
      </c>
      <c r="E1252" s="13">
        <v>8684</v>
      </c>
    </row>
    <row r="1253" spans="1:5" ht="12.75" hidden="1" outlineLevel="1">
      <c r="A1253" s="1" t="s">
        <v>1245</v>
      </c>
      <c r="B1253" s="2">
        <v>945</v>
      </c>
      <c r="C1253" s="2">
        <v>900</v>
      </c>
      <c r="D1253" s="2">
        <v>860</v>
      </c>
      <c r="E1253" s="13">
        <v>3054</v>
      </c>
    </row>
    <row r="1254" spans="1:5" ht="12.75" hidden="1" outlineLevel="1">
      <c r="A1254" s="1" t="s">
        <v>1246</v>
      </c>
      <c r="B1254" s="2">
        <v>945</v>
      </c>
      <c r="C1254" s="2">
        <v>900</v>
      </c>
      <c r="D1254" s="2">
        <v>860</v>
      </c>
      <c r="E1254" s="13">
        <v>3254</v>
      </c>
    </row>
    <row r="1255" spans="1:5" ht="12.75" hidden="1" outlineLevel="1">
      <c r="A1255" s="1" t="s">
        <v>1247</v>
      </c>
      <c r="B1255" s="2">
        <v>945</v>
      </c>
      <c r="C1255" s="2">
        <v>900</v>
      </c>
      <c r="D1255" s="2">
        <v>860</v>
      </c>
      <c r="E1255" s="13">
        <v>3253</v>
      </c>
    </row>
    <row r="1256" spans="1:5" ht="12.75" hidden="1" outlineLevel="1">
      <c r="A1256" s="1" t="s">
        <v>1248</v>
      </c>
      <c r="B1256" s="2">
        <v>472</v>
      </c>
      <c r="C1256" s="2">
        <v>451</v>
      </c>
      <c r="D1256" s="2">
        <v>429</v>
      </c>
      <c r="E1256" s="13">
        <v>1233</v>
      </c>
    </row>
    <row r="1257" spans="1:5" ht="19.5" hidden="1" outlineLevel="1">
      <c r="A1257" s="1" t="s">
        <v>1249</v>
      </c>
      <c r="B1257" s="2">
        <v>472</v>
      </c>
      <c r="C1257" s="2">
        <v>451</v>
      </c>
      <c r="D1257" s="2">
        <v>429</v>
      </c>
      <c r="E1257" s="13">
        <v>1449</v>
      </c>
    </row>
    <row r="1258" spans="1:5" ht="12.75" hidden="1" outlineLevel="1">
      <c r="A1258" s="1" t="s">
        <v>1250</v>
      </c>
      <c r="B1258" s="2">
        <v>945</v>
      </c>
      <c r="C1258" s="2">
        <v>900</v>
      </c>
      <c r="D1258" s="2">
        <v>860</v>
      </c>
      <c r="E1258" s="13">
        <v>3805</v>
      </c>
    </row>
    <row r="1259" spans="1:5" ht="12.75" hidden="1" outlineLevel="1">
      <c r="A1259" s="1" t="s">
        <v>1251</v>
      </c>
      <c r="B1259" s="2">
        <v>472</v>
      </c>
      <c r="C1259" s="2">
        <v>451</v>
      </c>
      <c r="D1259" s="2">
        <v>429</v>
      </c>
      <c r="E1259" s="13">
        <v>919</v>
      </c>
    </row>
    <row r="1260" spans="1:5" ht="12.75" hidden="1" outlineLevel="1">
      <c r="A1260" s="1" t="s">
        <v>1252</v>
      </c>
      <c r="B1260" s="2">
        <v>141.6</v>
      </c>
      <c r="C1260" s="2">
        <v>135.1</v>
      </c>
      <c r="D1260" s="2">
        <v>128.69999999999999</v>
      </c>
      <c r="E1260" s="13">
        <v>6530</v>
      </c>
    </row>
    <row r="1261" spans="1:5" ht="12.75" hidden="1" outlineLevel="1">
      <c r="A1261" s="1" t="s">
        <v>1253</v>
      </c>
      <c r="B1261" s="2">
        <v>236</v>
      </c>
      <c r="C1261" s="2">
        <v>225.2</v>
      </c>
      <c r="D1261" s="2">
        <v>214.5</v>
      </c>
      <c r="E1261" s="13">
        <v>6517</v>
      </c>
    </row>
    <row r="1262" spans="1:5" ht="12.75" hidden="1" outlineLevel="1">
      <c r="A1262" s="1" t="s">
        <v>1254</v>
      </c>
      <c r="B1262" s="2">
        <v>141.6</v>
      </c>
      <c r="C1262" s="2">
        <v>135.1</v>
      </c>
      <c r="D1262" s="2">
        <v>128.69999999999999</v>
      </c>
      <c r="E1262" s="13">
        <v>6518</v>
      </c>
    </row>
    <row r="1263" spans="1:5" ht="12.75" hidden="1" outlineLevel="1">
      <c r="A1263" s="1" t="s">
        <v>1255</v>
      </c>
      <c r="B1263" s="2">
        <v>1415</v>
      </c>
      <c r="C1263" s="2">
        <v>1350</v>
      </c>
      <c r="D1263" s="2">
        <v>1285</v>
      </c>
      <c r="E1263" s="13">
        <v>6520</v>
      </c>
    </row>
    <row r="1264" spans="1:5" ht="12.75" hidden="1" outlineLevel="1">
      <c r="A1264" s="1" t="s">
        <v>1256</v>
      </c>
      <c r="B1264" s="2">
        <v>1415</v>
      </c>
      <c r="C1264" s="2">
        <v>1350</v>
      </c>
      <c r="D1264" s="2">
        <v>1285</v>
      </c>
      <c r="E1264" s="13">
        <v>6623</v>
      </c>
    </row>
    <row r="1265" spans="1:5" ht="12.75" hidden="1" outlineLevel="1">
      <c r="A1265" s="1" t="s">
        <v>1257</v>
      </c>
      <c r="B1265" s="2">
        <v>472</v>
      </c>
      <c r="C1265" s="2">
        <v>451</v>
      </c>
      <c r="D1265" s="2">
        <v>429</v>
      </c>
      <c r="E1265" s="13">
        <v>3808</v>
      </c>
    </row>
    <row r="1266" spans="1:5" ht="12.75" hidden="1" outlineLevel="1">
      <c r="A1266" s="1" t="s">
        <v>1258</v>
      </c>
      <c r="B1266" s="2">
        <v>472</v>
      </c>
      <c r="C1266" s="2">
        <v>451</v>
      </c>
      <c r="D1266" s="2">
        <v>429</v>
      </c>
      <c r="E1266" s="13">
        <v>3807</v>
      </c>
    </row>
    <row r="1267" spans="1:5" ht="12.75" hidden="1" outlineLevel="1">
      <c r="A1267" s="1" t="s">
        <v>1259</v>
      </c>
      <c r="B1267" s="2">
        <v>945</v>
      </c>
      <c r="C1267" s="2">
        <v>900</v>
      </c>
      <c r="D1267" s="2">
        <v>860</v>
      </c>
      <c r="E1267" s="13">
        <v>6516</v>
      </c>
    </row>
    <row r="1268" spans="1:5" ht="12.75" hidden="1" outlineLevel="1">
      <c r="A1268" s="1" t="s">
        <v>1260</v>
      </c>
      <c r="B1268" s="2">
        <v>1415</v>
      </c>
      <c r="C1268" s="2">
        <v>1350</v>
      </c>
      <c r="D1268" s="2">
        <v>1285</v>
      </c>
      <c r="E1268" s="13">
        <v>6510</v>
      </c>
    </row>
    <row r="1269" spans="1:5" ht="19.5" hidden="1" outlineLevel="1">
      <c r="A1269" s="1" t="s">
        <v>1261</v>
      </c>
      <c r="B1269" s="2">
        <v>472</v>
      </c>
      <c r="C1269" s="2">
        <v>451</v>
      </c>
      <c r="D1269" s="2">
        <v>429</v>
      </c>
      <c r="E1269" s="13">
        <v>6666</v>
      </c>
    </row>
    <row r="1270" spans="1:5" collapsed="1">
      <c r="A1270" s="4" t="s">
        <v>1262</v>
      </c>
      <c r="B1270" s="12"/>
      <c r="C1270" s="12"/>
      <c r="D1270" s="12"/>
      <c r="E1270" s="12"/>
    </row>
    <row r="1271" spans="1:5" ht="12.75" hidden="1" outlineLevel="1">
      <c r="A1271" s="1" t="s">
        <v>1263</v>
      </c>
      <c r="B1271" s="2">
        <v>472</v>
      </c>
      <c r="C1271" s="2">
        <v>451</v>
      </c>
      <c r="D1271" s="2">
        <v>429</v>
      </c>
      <c r="E1271" s="13">
        <v>7026</v>
      </c>
    </row>
    <row r="1272" spans="1:5" ht="12.75" hidden="1" outlineLevel="1">
      <c r="A1272" s="1" t="s">
        <v>1264</v>
      </c>
      <c r="B1272" s="2">
        <v>710</v>
      </c>
      <c r="C1272" s="2">
        <v>676</v>
      </c>
      <c r="D1272" s="2">
        <v>644</v>
      </c>
      <c r="E1272" s="13">
        <v>1496</v>
      </c>
    </row>
    <row r="1273" spans="1:5" ht="12.75" hidden="1" outlineLevel="1">
      <c r="A1273" s="1" t="s">
        <v>1265</v>
      </c>
      <c r="B1273" s="2">
        <v>236</v>
      </c>
      <c r="C1273" s="2">
        <v>225.2</v>
      </c>
      <c r="D1273" s="2">
        <v>214.5</v>
      </c>
      <c r="E1273" s="13">
        <v>4095</v>
      </c>
    </row>
    <row r="1274" spans="1:5" ht="19.5" hidden="1" outlineLevel="1">
      <c r="A1274" s="1" t="s">
        <v>1266</v>
      </c>
      <c r="B1274" s="2">
        <v>5665</v>
      </c>
      <c r="C1274" s="2">
        <v>5405</v>
      </c>
      <c r="D1274" s="2">
        <v>5150</v>
      </c>
      <c r="E1274" s="13">
        <v>1723</v>
      </c>
    </row>
    <row r="1275" spans="1:5" ht="12.75" hidden="1" outlineLevel="1">
      <c r="A1275" s="1" t="s">
        <v>1267</v>
      </c>
      <c r="B1275" s="2">
        <v>94.5</v>
      </c>
      <c r="C1275" s="2">
        <v>90</v>
      </c>
      <c r="D1275" s="2">
        <v>86</v>
      </c>
      <c r="E1275" s="13">
        <v>1238</v>
      </c>
    </row>
    <row r="1276" spans="1:5" ht="12.75" hidden="1" outlineLevel="1">
      <c r="A1276" s="1" t="s">
        <v>1268</v>
      </c>
      <c r="B1276" s="2">
        <v>94.5</v>
      </c>
      <c r="C1276" s="2">
        <v>90</v>
      </c>
      <c r="D1276" s="2">
        <v>86</v>
      </c>
      <c r="E1276" s="13">
        <v>4236</v>
      </c>
    </row>
    <row r="1277" spans="1:5" ht="12.75" hidden="1" outlineLevel="1">
      <c r="A1277" s="1" t="s">
        <v>1269</v>
      </c>
      <c r="B1277" s="2">
        <v>945</v>
      </c>
      <c r="C1277" s="2">
        <v>900</v>
      </c>
      <c r="D1277" s="2">
        <v>860</v>
      </c>
      <c r="E1277" s="13">
        <v>7795</v>
      </c>
    </row>
    <row r="1278" spans="1:5" ht="12.75" hidden="1" outlineLevel="1">
      <c r="A1278" s="1" t="s">
        <v>1270</v>
      </c>
      <c r="B1278" s="2">
        <v>945</v>
      </c>
      <c r="C1278" s="2">
        <v>900</v>
      </c>
      <c r="D1278" s="2">
        <v>860</v>
      </c>
      <c r="E1278" s="13">
        <v>7794</v>
      </c>
    </row>
    <row r="1279" spans="1:5" ht="12.75" hidden="1" outlineLevel="1">
      <c r="A1279" s="1" t="s">
        <v>1271</v>
      </c>
      <c r="B1279" s="2">
        <v>47</v>
      </c>
      <c r="C1279" s="2">
        <v>45</v>
      </c>
      <c r="D1279" s="2">
        <v>43</v>
      </c>
      <c r="E1279" s="13">
        <v>8761</v>
      </c>
    </row>
    <row r="1280" spans="1:5" ht="29.25" hidden="1" outlineLevel="1">
      <c r="A1280" s="1" t="s">
        <v>1272</v>
      </c>
      <c r="B1280" s="2">
        <v>4720</v>
      </c>
      <c r="C1280" s="2">
        <v>4505</v>
      </c>
      <c r="D1280" s="2">
        <v>4290</v>
      </c>
      <c r="E1280" s="13">
        <v>7891</v>
      </c>
    </row>
    <row r="1281" spans="1:5" ht="29.25" hidden="1" outlineLevel="1">
      <c r="A1281" s="1" t="s">
        <v>1273</v>
      </c>
      <c r="B1281" s="2">
        <v>2830</v>
      </c>
      <c r="C1281" s="2">
        <v>2705</v>
      </c>
      <c r="D1281" s="2">
        <v>2575</v>
      </c>
      <c r="E1281" s="13">
        <v>8759</v>
      </c>
    </row>
    <row r="1282" spans="1:5" ht="29.25" hidden="1" outlineLevel="1">
      <c r="A1282" s="1" t="s">
        <v>1274</v>
      </c>
      <c r="B1282" s="2">
        <v>2830</v>
      </c>
      <c r="C1282" s="2">
        <v>2705</v>
      </c>
      <c r="D1282" s="2">
        <v>2575</v>
      </c>
      <c r="E1282" s="13">
        <v>8760</v>
      </c>
    </row>
    <row r="1283" spans="1:5" ht="12.75" hidden="1" outlineLevel="1">
      <c r="A1283" s="1" t="s">
        <v>1275</v>
      </c>
      <c r="B1283" s="2">
        <v>710</v>
      </c>
      <c r="C1283" s="2">
        <v>676</v>
      </c>
      <c r="D1283" s="2">
        <v>644</v>
      </c>
      <c r="E1283" s="13">
        <v>4648</v>
      </c>
    </row>
    <row r="1284" spans="1:5" ht="19.5" hidden="1" outlineLevel="1">
      <c r="A1284" s="1" t="s">
        <v>1276</v>
      </c>
      <c r="B1284" s="2">
        <v>2360</v>
      </c>
      <c r="C1284" s="2">
        <v>2250</v>
      </c>
      <c r="D1284" s="2">
        <v>2145</v>
      </c>
      <c r="E1284" s="13">
        <v>7901</v>
      </c>
    </row>
    <row r="1285" spans="1:5" ht="12.75" hidden="1" outlineLevel="1">
      <c r="A1285" s="1" t="s">
        <v>1277</v>
      </c>
      <c r="B1285" s="2">
        <v>1180</v>
      </c>
      <c r="C1285" s="2">
        <v>1125</v>
      </c>
      <c r="D1285" s="2">
        <v>1075</v>
      </c>
      <c r="E1285" s="13">
        <v>8720</v>
      </c>
    </row>
    <row r="1286" spans="1:5" ht="12.75" hidden="1" outlineLevel="1">
      <c r="A1286" s="1" t="s">
        <v>1278</v>
      </c>
      <c r="B1286" s="2">
        <v>2360</v>
      </c>
      <c r="C1286" s="2">
        <v>2250</v>
      </c>
      <c r="D1286" s="2">
        <v>2145</v>
      </c>
      <c r="E1286" s="13">
        <v>4126</v>
      </c>
    </row>
    <row r="1287" spans="1:5" ht="12.75" hidden="1" outlineLevel="1">
      <c r="A1287" s="1" t="s">
        <v>1279</v>
      </c>
      <c r="B1287" s="2">
        <v>710</v>
      </c>
      <c r="C1287" s="2">
        <v>676</v>
      </c>
      <c r="D1287" s="2">
        <v>644</v>
      </c>
      <c r="E1287" s="13">
        <v>4284</v>
      </c>
    </row>
    <row r="1288" spans="1:5" ht="12.75" hidden="1" outlineLevel="1">
      <c r="A1288" s="1" t="s">
        <v>1280</v>
      </c>
      <c r="B1288" s="2">
        <v>4720</v>
      </c>
      <c r="C1288" s="2">
        <v>4505</v>
      </c>
      <c r="D1288" s="2">
        <v>4290</v>
      </c>
      <c r="E1288" s="13">
        <v>4173</v>
      </c>
    </row>
    <row r="1289" spans="1:5" ht="12.75" hidden="1" outlineLevel="1">
      <c r="A1289" s="1" t="s">
        <v>1281</v>
      </c>
      <c r="B1289" s="2">
        <v>2360</v>
      </c>
      <c r="C1289" s="2">
        <v>2250</v>
      </c>
      <c r="D1289" s="2">
        <v>2145</v>
      </c>
      <c r="E1289" s="13">
        <v>3848</v>
      </c>
    </row>
    <row r="1290" spans="1:5" ht="12.75" hidden="1" outlineLevel="1">
      <c r="A1290" s="1" t="s">
        <v>1282</v>
      </c>
      <c r="B1290" s="2">
        <v>6605</v>
      </c>
      <c r="C1290" s="2">
        <v>6305</v>
      </c>
      <c r="D1290" s="2">
        <v>6005</v>
      </c>
      <c r="E1290" s="13">
        <v>5265</v>
      </c>
    </row>
    <row r="1291" spans="1:5" ht="12.75" hidden="1" outlineLevel="1">
      <c r="A1291" s="1" t="s">
        <v>1283</v>
      </c>
      <c r="B1291" s="2">
        <v>236</v>
      </c>
      <c r="C1291" s="2">
        <v>225.2</v>
      </c>
      <c r="D1291" s="2">
        <v>214.5</v>
      </c>
      <c r="E1291" s="13">
        <v>8203</v>
      </c>
    </row>
    <row r="1292" spans="1:5" ht="12.75" hidden="1" outlineLevel="1">
      <c r="A1292" s="1" t="s">
        <v>1284</v>
      </c>
      <c r="B1292" s="2">
        <v>330</v>
      </c>
      <c r="C1292" s="2">
        <v>315</v>
      </c>
      <c r="D1292" s="2">
        <v>300</v>
      </c>
      <c r="E1292" s="13">
        <v>5211</v>
      </c>
    </row>
    <row r="1293" spans="1:5" ht="12.75" hidden="1" outlineLevel="1">
      <c r="A1293" s="1" t="s">
        <v>1285</v>
      </c>
      <c r="B1293" s="2">
        <v>330</v>
      </c>
      <c r="C1293" s="2">
        <v>315</v>
      </c>
      <c r="D1293" s="2">
        <v>300</v>
      </c>
      <c r="E1293" s="13">
        <v>7024</v>
      </c>
    </row>
    <row r="1294" spans="1:5" ht="12.75" hidden="1" outlineLevel="1">
      <c r="A1294" s="1" t="s">
        <v>1286</v>
      </c>
      <c r="B1294" s="2">
        <v>472</v>
      </c>
      <c r="C1294" s="2">
        <v>451</v>
      </c>
      <c r="D1294" s="2">
        <v>429</v>
      </c>
      <c r="E1294" s="13">
        <v>7023</v>
      </c>
    </row>
    <row r="1295" spans="1:5" ht="12.75" hidden="1" outlineLevel="1">
      <c r="A1295" s="1" t="s">
        <v>1287</v>
      </c>
      <c r="B1295" s="2">
        <v>472</v>
      </c>
      <c r="C1295" s="2">
        <v>451</v>
      </c>
      <c r="D1295" s="2">
        <v>429</v>
      </c>
      <c r="E1295" s="13">
        <v>7551</v>
      </c>
    </row>
    <row r="1296" spans="1:5" ht="12.75" hidden="1" outlineLevel="1">
      <c r="A1296" s="1" t="s">
        <v>1288</v>
      </c>
      <c r="B1296" s="2">
        <v>472</v>
      </c>
      <c r="C1296" s="2">
        <v>451</v>
      </c>
      <c r="D1296" s="2">
        <v>429</v>
      </c>
      <c r="E1296" s="13">
        <v>7020</v>
      </c>
    </row>
    <row r="1297" spans="1:5" ht="12.75" hidden="1" outlineLevel="1">
      <c r="A1297" s="1" t="s">
        <v>1289</v>
      </c>
      <c r="B1297" s="2">
        <v>472</v>
      </c>
      <c r="C1297" s="2">
        <v>451</v>
      </c>
      <c r="D1297" s="2">
        <v>429</v>
      </c>
      <c r="E1297" s="13">
        <v>7022</v>
      </c>
    </row>
    <row r="1298" spans="1:5" ht="12.75" hidden="1" outlineLevel="1">
      <c r="A1298" s="1" t="s">
        <v>1290</v>
      </c>
      <c r="B1298" s="2">
        <v>472</v>
      </c>
      <c r="C1298" s="2">
        <v>451</v>
      </c>
      <c r="D1298" s="2">
        <v>429</v>
      </c>
      <c r="E1298" s="13">
        <v>7550</v>
      </c>
    </row>
    <row r="1299" spans="1:5" ht="12.75" hidden="1" outlineLevel="1">
      <c r="A1299" s="1" t="s">
        <v>1291</v>
      </c>
      <c r="B1299" s="2">
        <v>710</v>
      </c>
      <c r="C1299" s="2">
        <v>676</v>
      </c>
      <c r="D1299" s="2">
        <v>644</v>
      </c>
      <c r="E1299" s="13">
        <v>7021</v>
      </c>
    </row>
    <row r="1300" spans="1:5" ht="12.75" hidden="1" outlineLevel="1">
      <c r="A1300" s="1" t="s">
        <v>1292</v>
      </c>
      <c r="B1300" s="2">
        <v>1320</v>
      </c>
      <c r="C1300" s="2">
        <v>1260</v>
      </c>
      <c r="D1300" s="2">
        <v>1200</v>
      </c>
      <c r="E1300" s="13">
        <v>7015</v>
      </c>
    </row>
    <row r="1301" spans="1:5" ht="12.75" hidden="1" outlineLevel="1">
      <c r="A1301" s="1" t="s">
        <v>1293</v>
      </c>
      <c r="B1301" s="2">
        <v>1320</v>
      </c>
      <c r="C1301" s="2">
        <v>1260</v>
      </c>
      <c r="D1301" s="2">
        <v>1200</v>
      </c>
      <c r="E1301" s="13">
        <v>7018</v>
      </c>
    </row>
    <row r="1302" spans="1:5" ht="12.75" hidden="1" outlineLevel="1">
      <c r="A1302" s="1" t="s">
        <v>1294</v>
      </c>
      <c r="B1302" s="2">
        <v>1320</v>
      </c>
      <c r="C1302" s="2">
        <v>1260</v>
      </c>
      <c r="D1302" s="2">
        <v>1200</v>
      </c>
      <c r="E1302" s="13">
        <v>7016</v>
      </c>
    </row>
    <row r="1303" spans="1:5" ht="12.75" hidden="1" outlineLevel="1">
      <c r="A1303" s="1" t="s">
        <v>1295</v>
      </c>
      <c r="B1303" s="2">
        <v>1320</v>
      </c>
      <c r="C1303" s="2">
        <v>1260</v>
      </c>
      <c r="D1303" s="2">
        <v>1200</v>
      </c>
      <c r="E1303" s="13">
        <v>7017</v>
      </c>
    </row>
    <row r="1304" spans="1:5" ht="12.75" hidden="1" outlineLevel="1">
      <c r="A1304" s="1" t="s">
        <v>1296</v>
      </c>
      <c r="B1304" s="2">
        <v>378</v>
      </c>
      <c r="C1304" s="2">
        <v>360</v>
      </c>
      <c r="D1304" s="2">
        <v>343</v>
      </c>
      <c r="E1304" s="13">
        <v>5407</v>
      </c>
    </row>
    <row r="1305" spans="1:5" ht="12.75" hidden="1" outlineLevel="1">
      <c r="A1305" s="1" t="s">
        <v>1297</v>
      </c>
      <c r="B1305" s="2">
        <v>448</v>
      </c>
      <c r="C1305" s="2">
        <v>428</v>
      </c>
      <c r="D1305" s="2">
        <v>408</v>
      </c>
      <c r="E1305" s="13">
        <v>8204</v>
      </c>
    </row>
    <row r="1306" spans="1:5" ht="19.5" hidden="1" outlineLevel="1">
      <c r="A1306" s="1" t="s">
        <v>1298</v>
      </c>
      <c r="B1306" s="2">
        <v>307</v>
      </c>
      <c r="C1306" s="2">
        <v>292.8</v>
      </c>
      <c r="D1306" s="2">
        <v>278.89999999999998</v>
      </c>
      <c r="E1306" s="13">
        <v>8201</v>
      </c>
    </row>
    <row r="1307" spans="1:5" ht="12.75" hidden="1" outlineLevel="1">
      <c r="A1307" s="1" t="s">
        <v>1299</v>
      </c>
      <c r="B1307" s="2">
        <v>307</v>
      </c>
      <c r="C1307" s="2">
        <v>292.8</v>
      </c>
      <c r="D1307" s="2">
        <v>278.89999999999998</v>
      </c>
      <c r="E1307" s="13">
        <v>8202</v>
      </c>
    </row>
    <row r="1308" spans="1:5" ht="19.5" hidden="1" outlineLevel="1">
      <c r="A1308" s="1" t="s">
        <v>1300</v>
      </c>
      <c r="B1308" s="2">
        <v>448</v>
      </c>
      <c r="C1308" s="2">
        <v>428</v>
      </c>
      <c r="D1308" s="2">
        <v>408</v>
      </c>
      <c r="E1308" s="13">
        <v>8205</v>
      </c>
    </row>
    <row r="1309" spans="1:5" ht="19.5" hidden="1" outlineLevel="1">
      <c r="A1309" s="1" t="s">
        <v>1301</v>
      </c>
      <c r="B1309" s="2">
        <v>448</v>
      </c>
      <c r="C1309" s="2">
        <v>428</v>
      </c>
      <c r="D1309" s="2">
        <v>408</v>
      </c>
      <c r="E1309" s="13">
        <v>8206</v>
      </c>
    </row>
    <row r="1310" spans="1:5" ht="19.5" hidden="1" outlineLevel="1">
      <c r="A1310" s="1" t="s">
        <v>1302</v>
      </c>
      <c r="B1310" s="2">
        <v>710</v>
      </c>
      <c r="C1310" s="2">
        <v>676</v>
      </c>
      <c r="D1310" s="2">
        <v>644</v>
      </c>
      <c r="E1310" s="13">
        <v>8918</v>
      </c>
    </row>
    <row r="1311" spans="1:5" ht="12.75" hidden="1" outlineLevel="1">
      <c r="A1311" s="1" t="s">
        <v>1303</v>
      </c>
      <c r="B1311" s="2">
        <v>3540</v>
      </c>
      <c r="C1311" s="2">
        <v>3380</v>
      </c>
      <c r="D1311" s="2">
        <v>3220</v>
      </c>
      <c r="E1311" s="13">
        <v>4705</v>
      </c>
    </row>
    <row r="1312" spans="1:5" ht="12.75" hidden="1" outlineLevel="1">
      <c r="A1312" s="1" t="s">
        <v>1304</v>
      </c>
      <c r="B1312" s="2">
        <v>2360</v>
      </c>
      <c r="C1312" s="2">
        <v>2250</v>
      </c>
      <c r="D1312" s="2">
        <v>2145</v>
      </c>
      <c r="E1312" s="13">
        <v>8852</v>
      </c>
    </row>
    <row r="1313" spans="1:5" ht="12.75" hidden="1" outlineLevel="1">
      <c r="A1313" s="1" t="s">
        <v>1305</v>
      </c>
      <c r="B1313" s="2">
        <v>1415</v>
      </c>
      <c r="C1313" s="2">
        <v>1350</v>
      </c>
      <c r="D1313" s="2">
        <v>1285</v>
      </c>
      <c r="E1313" s="13">
        <v>7097</v>
      </c>
    </row>
    <row r="1314" spans="1:5" ht="12.75" hidden="1" outlineLevel="1">
      <c r="A1314" s="1" t="s">
        <v>1306</v>
      </c>
      <c r="B1314" s="2">
        <v>330</v>
      </c>
      <c r="C1314" s="2">
        <v>315</v>
      </c>
      <c r="D1314" s="2">
        <v>300</v>
      </c>
      <c r="E1314" s="13">
        <v>7866</v>
      </c>
    </row>
    <row r="1315" spans="1:5" ht="12.75" hidden="1" outlineLevel="1">
      <c r="A1315" s="1" t="s">
        <v>1307</v>
      </c>
      <c r="B1315" s="2">
        <v>330</v>
      </c>
      <c r="C1315" s="2">
        <v>315</v>
      </c>
      <c r="D1315" s="2">
        <v>300</v>
      </c>
      <c r="E1315" s="13">
        <v>7867</v>
      </c>
    </row>
    <row r="1316" spans="1:5" ht="19.5" hidden="1" outlineLevel="1">
      <c r="A1316" s="1" t="s">
        <v>1308</v>
      </c>
      <c r="B1316" s="2">
        <v>1415</v>
      </c>
      <c r="C1316" s="2">
        <v>1350</v>
      </c>
      <c r="D1316" s="2">
        <v>1285</v>
      </c>
      <c r="E1316" s="13">
        <v>3184</v>
      </c>
    </row>
    <row r="1317" spans="1:5" ht="19.5" hidden="1" outlineLevel="1">
      <c r="A1317" s="1" t="s">
        <v>1309</v>
      </c>
      <c r="B1317" s="2">
        <v>1180</v>
      </c>
      <c r="C1317" s="2">
        <v>1125</v>
      </c>
      <c r="D1317" s="2">
        <v>1075</v>
      </c>
      <c r="E1317" s="13">
        <v>5406</v>
      </c>
    </row>
    <row r="1318" spans="1:5" ht="19.5" hidden="1" outlineLevel="1">
      <c r="A1318" s="1" t="s">
        <v>1310</v>
      </c>
      <c r="B1318" s="2">
        <v>1180</v>
      </c>
      <c r="C1318" s="2">
        <v>1125</v>
      </c>
      <c r="D1318" s="2">
        <v>1075</v>
      </c>
      <c r="E1318" s="13">
        <v>5409</v>
      </c>
    </row>
    <row r="1319" spans="1:5" ht="12.75" hidden="1" outlineLevel="1">
      <c r="A1319" s="1" t="s">
        <v>1311</v>
      </c>
      <c r="B1319" s="2">
        <v>1415</v>
      </c>
      <c r="C1319" s="2">
        <v>1350</v>
      </c>
      <c r="D1319" s="2">
        <v>1285</v>
      </c>
      <c r="E1319" s="13">
        <v>5505</v>
      </c>
    </row>
    <row r="1320" spans="1:5" ht="12.75" hidden="1" outlineLevel="1">
      <c r="A1320" s="1" t="s">
        <v>1312</v>
      </c>
      <c r="B1320" s="2">
        <v>3305</v>
      </c>
      <c r="C1320" s="2">
        <v>3155</v>
      </c>
      <c r="D1320" s="2">
        <v>3005</v>
      </c>
      <c r="E1320" s="13">
        <v>6002</v>
      </c>
    </row>
    <row r="1321" spans="1:5" ht="19.5" hidden="1" outlineLevel="1">
      <c r="A1321" s="1" t="s">
        <v>1313</v>
      </c>
      <c r="B1321" s="2">
        <v>118</v>
      </c>
      <c r="C1321" s="2">
        <v>112.6</v>
      </c>
      <c r="D1321" s="2">
        <v>107.3</v>
      </c>
      <c r="E1321" s="13">
        <v>5207</v>
      </c>
    </row>
    <row r="1322" spans="1:5" ht="12.75" hidden="1" outlineLevel="1">
      <c r="A1322" s="1" t="s">
        <v>1314</v>
      </c>
      <c r="B1322" s="2">
        <v>710</v>
      </c>
      <c r="C1322" s="2">
        <v>676</v>
      </c>
      <c r="D1322" s="2">
        <v>644</v>
      </c>
      <c r="E1322" s="13">
        <v>7857</v>
      </c>
    </row>
    <row r="1323" spans="1:5" ht="12.75" hidden="1" outlineLevel="1">
      <c r="A1323" s="1" t="s">
        <v>1315</v>
      </c>
      <c r="B1323" s="2">
        <v>614</v>
      </c>
      <c r="C1323" s="2">
        <v>586</v>
      </c>
      <c r="D1323" s="2">
        <v>558</v>
      </c>
      <c r="E1323" s="13">
        <v>6128</v>
      </c>
    </row>
    <row r="1324" spans="1:5" ht="12.75" hidden="1" outlineLevel="1">
      <c r="A1324" s="1" t="s">
        <v>1316</v>
      </c>
      <c r="B1324" s="2">
        <v>1415</v>
      </c>
      <c r="C1324" s="2">
        <v>1350</v>
      </c>
      <c r="D1324" s="2">
        <v>1285</v>
      </c>
      <c r="E1324" s="13">
        <v>1710</v>
      </c>
    </row>
    <row r="1325" spans="1:5" ht="19.5" hidden="1" outlineLevel="1">
      <c r="A1325" s="1" t="s">
        <v>1317</v>
      </c>
      <c r="B1325" s="2">
        <v>1415</v>
      </c>
      <c r="C1325" s="2">
        <v>1350</v>
      </c>
      <c r="D1325" s="2">
        <v>1285</v>
      </c>
      <c r="E1325" s="13">
        <v>8087</v>
      </c>
    </row>
    <row r="1326" spans="1:5" ht="12.75" hidden="1" outlineLevel="1">
      <c r="A1326" s="1" t="s">
        <v>1318</v>
      </c>
      <c r="B1326" s="2">
        <v>1415</v>
      </c>
      <c r="C1326" s="2">
        <v>1350</v>
      </c>
      <c r="D1326" s="2">
        <v>1285</v>
      </c>
      <c r="E1326" s="13">
        <v>3383</v>
      </c>
    </row>
    <row r="1327" spans="1:5" ht="12.75" hidden="1" outlineLevel="1">
      <c r="A1327" s="1" t="s">
        <v>1319</v>
      </c>
      <c r="B1327" s="2">
        <v>4720</v>
      </c>
      <c r="C1327" s="2">
        <v>4505</v>
      </c>
      <c r="D1327" s="2">
        <v>4290</v>
      </c>
      <c r="E1327" s="13">
        <v>3518</v>
      </c>
    </row>
    <row r="1328" spans="1:5" ht="12.75" hidden="1" outlineLevel="1">
      <c r="A1328" s="1" t="s">
        <v>1320</v>
      </c>
      <c r="B1328" s="2">
        <v>614</v>
      </c>
      <c r="C1328" s="2">
        <v>586</v>
      </c>
      <c r="D1328" s="2">
        <v>558</v>
      </c>
      <c r="E1328" s="13">
        <v>4845</v>
      </c>
    </row>
    <row r="1329" spans="1:5" ht="12.75" hidden="1" outlineLevel="1">
      <c r="A1329" s="1" t="s">
        <v>1321</v>
      </c>
      <c r="B1329" s="2">
        <v>7080</v>
      </c>
      <c r="C1329" s="2">
        <v>6755</v>
      </c>
      <c r="D1329" s="2">
        <v>6435</v>
      </c>
      <c r="E1329" s="13">
        <v>6124</v>
      </c>
    </row>
    <row r="1330" spans="1:5" ht="12.75" hidden="1" outlineLevel="1">
      <c r="A1330" s="1" t="s">
        <v>1322</v>
      </c>
      <c r="B1330" s="2">
        <v>7080</v>
      </c>
      <c r="C1330" s="2">
        <v>6755</v>
      </c>
      <c r="D1330" s="2">
        <v>6435</v>
      </c>
      <c r="E1330" s="13">
        <v>7096</v>
      </c>
    </row>
    <row r="1331" spans="1:5" ht="12.75" hidden="1" outlineLevel="1">
      <c r="A1331" s="1" t="s">
        <v>1323</v>
      </c>
      <c r="B1331" s="2">
        <v>6605</v>
      </c>
      <c r="C1331" s="2">
        <v>6305</v>
      </c>
      <c r="D1331" s="2">
        <v>6005</v>
      </c>
      <c r="E1331" s="13">
        <v>4400</v>
      </c>
    </row>
    <row r="1332" spans="1:5" ht="12.75" hidden="1" outlineLevel="1">
      <c r="A1332" s="1" t="s">
        <v>1324</v>
      </c>
      <c r="B1332" s="2">
        <v>9440</v>
      </c>
      <c r="C1332" s="2">
        <v>9010</v>
      </c>
      <c r="D1332" s="2">
        <v>8580</v>
      </c>
      <c r="E1332" s="13">
        <v>5411</v>
      </c>
    </row>
    <row r="1333" spans="1:5" ht="12.75" hidden="1" outlineLevel="1">
      <c r="A1333" s="1" t="s">
        <v>1325</v>
      </c>
      <c r="B1333" s="2">
        <v>7080</v>
      </c>
      <c r="C1333" s="2">
        <v>6755</v>
      </c>
      <c r="D1333" s="2">
        <v>6435</v>
      </c>
      <c r="E1333" s="13">
        <v>3692</v>
      </c>
    </row>
    <row r="1334" spans="1:5" ht="19.5" hidden="1" outlineLevel="1">
      <c r="A1334" s="1" t="s">
        <v>1326</v>
      </c>
      <c r="B1334" s="2">
        <v>2360</v>
      </c>
      <c r="C1334" s="2">
        <v>2250</v>
      </c>
      <c r="D1334" s="2">
        <v>2145</v>
      </c>
      <c r="E1334" s="13">
        <v>6787</v>
      </c>
    </row>
    <row r="1335" spans="1:5" ht="12.75" hidden="1" outlineLevel="1">
      <c r="A1335" s="1" t="s">
        <v>1327</v>
      </c>
      <c r="B1335" s="2">
        <v>118</v>
      </c>
      <c r="C1335" s="2">
        <v>112.6</v>
      </c>
      <c r="D1335" s="2">
        <v>107.3</v>
      </c>
      <c r="E1335" s="13">
        <v>4844</v>
      </c>
    </row>
    <row r="1336" spans="1:5" ht="19.5" hidden="1" outlineLevel="1">
      <c r="A1336" s="1" t="s">
        <v>1328</v>
      </c>
      <c r="B1336" s="2">
        <v>9440</v>
      </c>
      <c r="C1336" s="2">
        <v>9010</v>
      </c>
      <c r="D1336" s="2">
        <v>8580</v>
      </c>
      <c r="E1336" s="13">
        <v>1316</v>
      </c>
    </row>
    <row r="1337" spans="1:5" ht="19.5" hidden="1" outlineLevel="1">
      <c r="A1337" s="1" t="s">
        <v>1329</v>
      </c>
      <c r="B1337" s="2">
        <v>710</v>
      </c>
      <c r="C1337" s="2">
        <v>676</v>
      </c>
      <c r="D1337" s="2">
        <v>644</v>
      </c>
      <c r="E1337" s="13">
        <v>1717</v>
      </c>
    </row>
    <row r="1338" spans="1:5" ht="12.75" hidden="1" outlineLevel="1">
      <c r="A1338" s="1" t="s">
        <v>1330</v>
      </c>
      <c r="B1338" s="2">
        <v>472</v>
      </c>
      <c r="C1338" s="2">
        <v>451</v>
      </c>
      <c r="D1338" s="2">
        <v>429</v>
      </c>
      <c r="E1338" s="13">
        <v>5174</v>
      </c>
    </row>
    <row r="1339" spans="1:5" ht="19.5" hidden="1" outlineLevel="1">
      <c r="A1339" s="1" t="s">
        <v>1331</v>
      </c>
      <c r="B1339" s="2">
        <v>9440</v>
      </c>
      <c r="C1339" s="2">
        <v>9010</v>
      </c>
      <c r="D1339" s="2">
        <v>8580</v>
      </c>
      <c r="E1339" s="13">
        <v>5175</v>
      </c>
    </row>
    <row r="1340" spans="1:5" ht="12.75" hidden="1" outlineLevel="1">
      <c r="A1340" s="1" t="s">
        <v>1332</v>
      </c>
      <c r="B1340" s="2">
        <v>3775</v>
      </c>
      <c r="C1340" s="2">
        <v>3605</v>
      </c>
      <c r="D1340" s="2">
        <v>3430</v>
      </c>
      <c r="E1340" s="13">
        <v>1563</v>
      </c>
    </row>
    <row r="1341" spans="1:5" ht="12.75" hidden="1" outlineLevel="1">
      <c r="A1341" s="1" t="s">
        <v>1333</v>
      </c>
      <c r="B1341" s="2">
        <v>236</v>
      </c>
      <c r="C1341" s="2">
        <v>225.2</v>
      </c>
      <c r="D1341" s="2">
        <v>214.5</v>
      </c>
      <c r="E1341" s="13">
        <v>5172</v>
      </c>
    </row>
    <row r="1342" spans="1:5" ht="19.5" hidden="1" outlineLevel="1">
      <c r="A1342" s="1" t="s">
        <v>1334</v>
      </c>
      <c r="B1342" s="2">
        <v>1415</v>
      </c>
      <c r="C1342" s="2">
        <v>1350</v>
      </c>
      <c r="D1342" s="2">
        <v>1285</v>
      </c>
      <c r="E1342" s="13">
        <v>1466</v>
      </c>
    </row>
    <row r="1343" spans="1:5" ht="12.75" hidden="1" outlineLevel="1">
      <c r="A1343" s="1" t="s">
        <v>1335</v>
      </c>
      <c r="B1343" s="2">
        <v>472</v>
      </c>
      <c r="C1343" s="2">
        <v>451</v>
      </c>
      <c r="D1343" s="2">
        <v>429</v>
      </c>
      <c r="E1343" s="13">
        <v>5171</v>
      </c>
    </row>
    <row r="1344" spans="1:5" ht="19.5" hidden="1" outlineLevel="1">
      <c r="A1344" s="1" t="s">
        <v>1336</v>
      </c>
      <c r="B1344" s="2">
        <v>1415</v>
      </c>
      <c r="C1344" s="2">
        <v>1350</v>
      </c>
      <c r="D1344" s="2">
        <v>1285</v>
      </c>
      <c r="E1344" s="13">
        <v>4082</v>
      </c>
    </row>
    <row r="1345" spans="1:5" ht="12.75" hidden="1" outlineLevel="1">
      <c r="A1345" s="1" t="s">
        <v>1337</v>
      </c>
      <c r="B1345" s="2">
        <v>710</v>
      </c>
      <c r="C1345" s="2">
        <v>676</v>
      </c>
      <c r="D1345" s="2">
        <v>644</v>
      </c>
      <c r="E1345" s="13">
        <v>4412</v>
      </c>
    </row>
    <row r="1346" spans="1:5" ht="12.75" hidden="1" outlineLevel="1">
      <c r="A1346" s="1" t="s">
        <v>1338</v>
      </c>
      <c r="B1346" s="2">
        <v>118</v>
      </c>
      <c r="C1346" s="2">
        <v>112.6</v>
      </c>
      <c r="D1346" s="2">
        <v>107.3</v>
      </c>
      <c r="E1346" s="13">
        <v>3223</v>
      </c>
    </row>
    <row r="1347" spans="1:5" ht="12.75" hidden="1" outlineLevel="1">
      <c r="A1347" s="1" t="s">
        <v>1339</v>
      </c>
      <c r="B1347" s="2">
        <v>2265</v>
      </c>
      <c r="C1347" s="2">
        <v>2160</v>
      </c>
      <c r="D1347" s="2">
        <v>2060</v>
      </c>
      <c r="E1347" s="13">
        <v>8917</v>
      </c>
    </row>
    <row r="1348" spans="1:5" ht="12.75" hidden="1" outlineLevel="1">
      <c r="A1348" s="1" t="s">
        <v>1340</v>
      </c>
      <c r="B1348" s="2">
        <v>614</v>
      </c>
      <c r="C1348" s="2">
        <v>586</v>
      </c>
      <c r="D1348" s="2">
        <v>558</v>
      </c>
      <c r="E1348" s="13">
        <v>5581</v>
      </c>
    </row>
    <row r="1349" spans="1:5" ht="12.75" hidden="1" outlineLevel="1">
      <c r="A1349" s="1" t="s">
        <v>1341</v>
      </c>
      <c r="B1349" s="2">
        <v>710</v>
      </c>
      <c r="C1349" s="2">
        <v>676</v>
      </c>
      <c r="D1349" s="2">
        <v>644</v>
      </c>
      <c r="E1349" s="13">
        <v>1416</v>
      </c>
    </row>
    <row r="1350" spans="1:5" ht="12.75" hidden="1" outlineLevel="1">
      <c r="A1350" s="1" t="s">
        <v>1342</v>
      </c>
      <c r="B1350" s="2">
        <v>236</v>
      </c>
      <c r="C1350" s="2">
        <v>225.2</v>
      </c>
      <c r="D1350" s="2">
        <v>214.5</v>
      </c>
      <c r="E1350" s="13">
        <v>1458</v>
      </c>
    </row>
    <row r="1351" spans="1:5" ht="12.75" hidden="1" outlineLevel="1">
      <c r="A1351" s="1" t="s">
        <v>1343</v>
      </c>
      <c r="B1351" s="2">
        <v>28310</v>
      </c>
      <c r="C1351" s="2">
        <v>27030</v>
      </c>
      <c r="D1351" s="2">
        <v>25740</v>
      </c>
      <c r="E1351" s="13">
        <v>5307</v>
      </c>
    </row>
    <row r="1352" spans="1:5" ht="12.75" hidden="1" outlineLevel="1">
      <c r="A1352" s="1" t="s">
        <v>1344</v>
      </c>
      <c r="B1352" s="2">
        <v>9440</v>
      </c>
      <c r="C1352" s="2">
        <v>9010</v>
      </c>
      <c r="D1352" s="2">
        <v>8580</v>
      </c>
      <c r="E1352" s="13">
        <v>3571</v>
      </c>
    </row>
    <row r="1353" spans="1:5" ht="12.75" hidden="1" outlineLevel="1">
      <c r="A1353" s="1" t="s">
        <v>1345</v>
      </c>
      <c r="B1353" s="2">
        <v>56630</v>
      </c>
      <c r="C1353" s="2">
        <v>54050</v>
      </c>
      <c r="D1353" s="2">
        <v>51480</v>
      </c>
      <c r="E1353" s="13">
        <v>4540</v>
      </c>
    </row>
    <row r="1354" spans="1:5" ht="12.75" hidden="1" outlineLevel="1">
      <c r="A1354" s="1" t="s">
        <v>1346</v>
      </c>
      <c r="B1354" s="2">
        <v>18880</v>
      </c>
      <c r="C1354" s="2">
        <v>18020</v>
      </c>
      <c r="D1354" s="2">
        <v>17160</v>
      </c>
      <c r="E1354" s="13">
        <v>1731</v>
      </c>
    </row>
    <row r="1355" spans="1:5" ht="12.75" hidden="1" outlineLevel="1">
      <c r="A1355" s="1" t="s">
        <v>1347</v>
      </c>
      <c r="B1355" s="2">
        <v>11800</v>
      </c>
      <c r="C1355" s="2">
        <v>11260</v>
      </c>
      <c r="D1355" s="2">
        <v>10730</v>
      </c>
      <c r="E1355" s="13">
        <v>1758</v>
      </c>
    </row>
    <row r="1356" spans="1:5" ht="12.75" hidden="1" outlineLevel="1">
      <c r="A1356" s="1" t="s">
        <v>1348</v>
      </c>
      <c r="B1356" s="2">
        <v>9440</v>
      </c>
      <c r="C1356" s="2">
        <v>9010</v>
      </c>
      <c r="D1356" s="2">
        <v>8580</v>
      </c>
      <c r="E1356" s="13">
        <v>1732</v>
      </c>
    </row>
    <row r="1357" spans="1:5" ht="12.75" hidden="1" outlineLevel="1">
      <c r="A1357" s="1" t="s">
        <v>1349</v>
      </c>
      <c r="B1357" s="2">
        <v>118000</v>
      </c>
      <c r="C1357" s="2">
        <v>112600</v>
      </c>
      <c r="D1357" s="2">
        <v>107300</v>
      </c>
      <c r="E1357" s="13">
        <v>6869</v>
      </c>
    </row>
    <row r="1358" spans="1:5" ht="12.75" hidden="1" outlineLevel="1">
      <c r="A1358" s="1" t="s">
        <v>1350</v>
      </c>
      <c r="B1358" s="2">
        <v>70790</v>
      </c>
      <c r="C1358" s="2">
        <v>67570</v>
      </c>
      <c r="D1358" s="2">
        <v>64350</v>
      </c>
      <c r="E1358" s="13">
        <v>5305</v>
      </c>
    </row>
    <row r="1359" spans="1:5" ht="12.75" hidden="1" outlineLevel="1">
      <c r="A1359" s="1" t="s">
        <v>1351</v>
      </c>
      <c r="B1359" s="2">
        <v>18880</v>
      </c>
      <c r="C1359" s="2">
        <v>18020</v>
      </c>
      <c r="D1359" s="2">
        <v>17160</v>
      </c>
      <c r="E1359" s="13">
        <v>5728</v>
      </c>
    </row>
    <row r="1360" spans="1:5" ht="19.5" hidden="1" outlineLevel="1">
      <c r="A1360" s="1" t="s">
        <v>1352</v>
      </c>
      <c r="B1360" s="2">
        <v>236</v>
      </c>
      <c r="C1360" s="2">
        <v>225.2</v>
      </c>
      <c r="D1360" s="2">
        <v>214.5</v>
      </c>
      <c r="E1360" s="13">
        <v>3738</v>
      </c>
    </row>
    <row r="1361" spans="1:5" ht="19.5" hidden="1" outlineLevel="1">
      <c r="A1361" s="1" t="s">
        <v>1353</v>
      </c>
      <c r="B1361" s="2">
        <v>236</v>
      </c>
      <c r="C1361" s="2">
        <v>225.2</v>
      </c>
      <c r="D1361" s="2">
        <v>214.5</v>
      </c>
      <c r="E1361" s="13">
        <v>6896</v>
      </c>
    </row>
    <row r="1362" spans="1:5" ht="12.75" hidden="1" outlineLevel="1">
      <c r="A1362" s="1" t="s">
        <v>1354</v>
      </c>
      <c r="B1362" s="2">
        <v>236</v>
      </c>
      <c r="C1362" s="2">
        <v>225.2</v>
      </c>
      <c r="D1362" s="2">
        <v>214.5</v>
      </c>
      <c r="E1362" s="13">
        <v>6927</v>
      </c>
    </row>
    <row r="1363" spans="1:5" ht="12.75" hidden="1" outlineLevel="1">
      <c r="A1363" s="1" t="s">
        <v>1355</v>
      </c>
      <c r="B1363" s="2">
        <v>236</v>
      </c>
      <c r="C1363" s="2">
        <v>225.2</v>
      </c>
      <c r="D1363" s="2">
        <v>214.5</v>
      </c>
      <c r="E1363" s="13">
        <v>6928</v>
      </c>
    </row>
    <row r="1364" spans="1:5" ht="12.75" hidden="1" outlineLevel="1">
      <c r="A1364" s="1" t="s">
        <v>1356</v>
      </c>
      <c r="B1364" s="2">
        <v>236</v>
      </c>
      <c r="C1364" s="2">
        <v>225.2</v>
      </c>
      <c r="D1364" s="2">
        <v>214.5</v>
      </c>
      <c r="E1364" s="13">
        <v>9693</v>
      </c>
    </row>
    <row r="1365" spans="1:5" ht="12.75" hidden="1" outlineLevel="1">
      <c r="A1365" s="1" t="s">
        <v>1357</v>
      </c>
      <c r="B1365" s="2">
        <v>236</v>
      </c>
      <c r="C1365" s="2">
        <v>225.2</v>
      </c>
      <c r="D1365" s="2">
        <v>214.5</v>
      </c>
      <c r="E1365" s="13">
        <v>7062</v>
      </c>
    </row>
    <row r="1366" spans="1:5" ht="12.75" hidden="1" outlineLevel="1">
      <c r="A1366" s="1" t="s">
        <v>1358</v>
      </c>
      <c r="B1366" s="2">
        <v>236</v>
      </c>
      <c r="C1366" s="2">
        <v>225.2</v>
      </c>
      <c r="D1366" s="2">
        <v>214.5</v>
      </c>
      <c r="E1366" s="13">
        <v>7089</v>
      </c>
    </row>
    <row r="1367" spans="1:5" ht="19.5" hidden="1" outlineLevel="1">
      <c r="A1367" s="1" t="s">
        <v>1359</v>
      </c>
      <c r="B1367" s="2">
        <v>755</v>
      </c>
      <c r="C1367" s="2">
        <v>720</v>
      </c>
      <c r="D1367" s="2">
        <v>686</v>
      </c>
      <c r="E1367" s="13">
        <v>8283</v>
      </c>
    </row>
    <row r="1368" spans="1:5" ht="12.75" hidden="1" outlineLevel="1">
      <c r="A1368" s="1" t="s">
        <v>1360</v>
      </c>
      <c r="B1368" s="2">
        <v>1465</v>
      </c>
      <c r="C1368" s="2">
        <v>1395</v>
      </c>
      <c r="D1368" s="2">
        <v>1330</v>
      </c>
      <c r="E1368" s="13">
        <v>8919</v>
      </c>
    </row>
    <row r="1369" spans="1:5" ht="12.75" hidden="1" outlineLevel="1">
      <c r="A1369" s="1" t="s">
        <v>1361</v>
      </c>
      <c r="B1369" s="2">
        <v>1465</v>
      </c>
      <c r="C1369" s="2">
        <v>1395</v>
      </c>
      <c r="D1369" s="2">
        <v>1330</v>
      </c>
      <c r="E1369" s="13">
        <v>3121</v>
      </c>
    </row>
    <row r="1370" spans="1:5" ht="12.75" hidden="1" outlineLevel="1">
      <c r="A1370" s="1" t="s">
        <v>1362</v>
      </c>
      <c r="B1370" s="2">
        <v>283.10000000000002</v>
      </c>
      <c r="C1370" s="2">
        <v>270.3</v>
      </c>
      <c r="D1370" s="2">
        <v>257.39999999999998</v>
      </c>
      <c r="E1370" s="13">
        <v>7864</v>
      </c>
    </row>
    <row r="1371" spans="1:5" ht="12.75" hidden="1" outlineLevel="1">
      <c r="A1371" s="1" t="s">
        <v>1363</v>
      </c>
      <c r="B1371" s="2">
        <v>755</v>
      </c>
      <c r="C1371" s="2">
        <v>720</v>
      </c>
      <c r="D1371" s="2">
        <v>686</v>
      </c>
      <c r="E1371" s="13">
        <v>8712</v>
      </c>
    </row>
    <row r="1372" spans="1:5" ht="12.75" hidden="1" outlineLevel="1">
      <c r="A1372" s="1" t="s">
        <v>1364</v>
      </c>
      <c r="B1372" s="2">
        <v>2360</v>
      </c>
      <c r="C1372" s="2">
        <v>2250</v>
      </c>
      <c r="D1372" s="2">
        <v>2145</v>
      </c>
      <c r="E1372" s="13">
        <v>7902</v>
      </c>
    </row>
    <row r="1373" spans="1:5" ht="19.5" hidden="1" outlineLevel="1">
      <c r="A1373" s="1" t="s">
        <v>1365</v>
      </c>
      <c r="B1373" s="2">
        <v>7080</v>
      </c>
      <c r="C1373" s="2">
        <v>6755</v>
      </c>
      <c r="D1373" s="2">
        <v>6435</v>
      </c>
      <c r="E1373" s="13">
        <v>5898</v>
      </c>
    </row>
    <row r="1374" spans="1:5" ht="12.75" hidden="1" outlineLevel="1">
      <c r="A1374" s="1" t="s">
        <v>1366</v>
      </c>
      <c r="B1374" s="2">
        <v>4720</v>
      </c>
      <c r="C1374" s="2">
        <v>4505</v>
      </c>
      <c r="D1374" s="2">
        <v>4290</v>
      </c>
      <c r="E1374" s="13">
        <v>5815</v>
      </c>
    </row>
    <row r="1375" spans="1:5" ht="12.75" hidden="1" outlineLevel="1">
      <c r="A1375" s="1" t="s">
        <v>1367</v>
      </c>
      <c r="B1375" s="2">
        <v>9.5</v>
      </c>
      <c r="C1375" s="2">
        <v>9</v>
      </c>
      <c r="D1375" s="2">
        <v>8.6</v>
      </c>
      <c r="E1375" s="13">
        <v>4202</v>
      </c>
    </row>
    <row r="1376" spans="1:5" ht="12.75" hidden="1" outlineLevel="1">
      <c r="A1376" s="1" t="s">
        <v>1368</v>
      </c>
      <c r="B1376" s="2">
        <v>1275</v>
      </c>
      <c r="C1376" s="2">
        <v>1215</v>
      </c>
      <c r="D1376" s="2">
        <v>1160</v>
      </c>
      <c r="E1376" s="13">
        <v>4704</v>
      </c>
    </row>
    <row r="1377" spans="1:5" ht="19.5" hidden="1" outlineLevel="1">
      <c r="A1377" s="1" t="s">
        <v>1369</v>
      </c>
      <c r="B1377" s="2">
        <v>1275</v>
      </c>
      <c r="C1377" s="2">
        <v>1215</v>
      </c>
      <c r="D1377" s="2">
        <v>1160</v>
      </c>
      <c r="E1377" s="13">
        <v>4702</v>
      </c>
    </row>
    <row r="1378" spans="1:5" ht="12.75" hidden="1" outlineLevel="1">
      <c r="A1378" s="1" t="s">
        <v>1370</v>
      </c>
      <c r="B1378" s="2">
        <v>566</v>
      </c>
      <c r="C1378" s="2">
        <v>541</v>
      </c>
      <c r="D1378" s="2">
        <v>515</v>
      </c>
      <c r="E1378" s="13">
        <v>1520</v>
      </c>
    </row>
    <row r="1379" spans="1:5" ht="12.75" hidden="1" outlineLevel="1">
      <c r="A1379" s="1" t="s">
        <v>1371</v>
      </c>
      <c r="B1379" s="2">
        <v>1180</v>
      </c>
      <c r="C1379" s="2">
        <v>1125</v>
      </c>
      <c r="D1379" s="2">
        <v>1075</v>
      </c>
      <c r="E1379" s="13">
        <v>4600</v>
      </c>
    </row>
    <row r="1380" spans="1:5" ht="12.75" hidden="1" outlineLevel="1">
      <c r="A1380" s="1" t="s">
        <v>1372</v>
      </c>
      <c r="B1380" s="2">
        <v>945</v>
      </c>
      <c r="C1380" s="2">
        <v>900</v>
      </c>
      <c r="D1380" s="2">
        <v>860</v>
      </c>
      <c r="E1380" s="13">
        <v>1223</v>
      </c>
    </row>
    <row r="1381" spans="1:5" ht="12.75" hidden="1" outlineLevel="1">
      <c r="A1381" s="1" t="s">
        <v>1373</v>
      </c>
      <c r="B1381" s="2">
        <v>23.5</v>
      </c>
      <c r="C1381" s="2">
        <v>22.5</v>
      </c>
      <c r="D1381" s="2">
        <v>21.5</v>
      </c>
      <c r="E1381" s="13">
        <v>1460</v>
      </c>
    </row>
    <row r="1382" spans="1:5" ht="12.75" hidden="1" outlineLevel="1">
      <c r="A1382" s="1" t="s">
        <v>1374</v>
      </c>
      <c r="B1382" s="2">
        <v>23.5</v>
      </c>
      <c r="C1382" s="2">
        <v>22.5</v>
      </c>
      <c r="D1382" s="2">
        <v>21.5</v>
      </c>
      <c r="E1382" s="13">
        <v>5104</v>
      </c>
    </row>
    <row r="1383" spans="1:5" ht="12.75" hidden="1" outlineLevel="1">
      <c r="A1383" s="1" t="s">
        <v>1375</v>
      </c>
      <c r="B1383" s="2">
        <v>2595</v>
      </c>
      <c r="C1383" s="2">
        <v>2475</v>
      </c>
      <c r="D1383" s="2">
        <v>2360</v>
      </c>
      <c r="E1383" s="13">
        <v>4796</v>
      </c>
    </row>
    <row r="1384" spans="1:5" ht="12.75" hidden="1" outlineLevel="1">
      <c r="A1384" s="1" t="s">
        <v>1376</v>
      </c>
      <c r="B1384" s="2">
        <v>283.10000000000002</v>
      </c>
      <c r="C1384" s="2">
        <v>270.3</v>
      </c>
      <c r="D1384" s="2">
        <v>257.39999999999998</v>
      </c>
      <c r="E1384" s="13">
        <v>4697</v>
      </c>
    </row>
    <row r="1385" spans="1:5" ht="12.75" hidden="1" outlineLevel="1">
      <c r="A1385" s="1" t="s">
        <v>1377</v>
      </c>
      <c r="B1385" s="2">
        <v>945</v>
      </c>
      <c r="C1385" s="2">
        <v>900</v>
      </c>
      <c r="D1385" s="2">
        <v>860</v>
      </c>
      <c r="E1385" s="13">
        <v>10130</v>
      </c>
    </row>
    <row r="1386" spans="1:5" ht="12.75" hidden="1" outlineLevel="1">
      <c r="A1386" s="1" t="s">
        <v>1378</v>
      </c>
      <c r="B1386" s="2">
        <v>6135</v>
      </c>
      <c r="C1386" s="2">
        <v>5855</v>
      </c>
      <c r="D1386" s="2">
        <v>5575</v>
      </c>
      <c r="E1386" s="13">
        <v>4703</v>
      </c>
    </row>
    <row r="1387" spans="1:5" ht="12.75" hidden="1" outlineLevel="1">
      <c r="A1387" s="1" t="s">
        <v>1379</v>
      </c>
      <c r="B1387" s="2">
        <v>472</v>
      </c>
      <c r="C1387" s="2">
        <v>451</v>
      </c>
      <c r="D1387" s="2">
        <v>429</v>
      </c>
      <c r="E1387" s="13">
        <v>4322</v>
      </c>
    </row>
    <row r="1388" spans="1:5" ht="12.75" hidden="1" outlineLevel="1">
      <c r="A1388" s="1" t="s">
        <v>1380</v>
      </c>
      <c r="B1388" s="2">
        <v>10380</v>
      </c>
      <c r="C1388" s="2">
        <v>9910</v>
      </c>
      <c r="D1388" s="2">
        <v>9440</v>
      </c>
      <c r="E1388" s="13">
        <v>6904</v>
      </c>
    </row>
    <row r="1389" spans="1:5" ht="12.75" hidden="1" outlineLevel="1">
      <c r="A1389" s="1" t="s">
        <v>1381</v>
      </c>
      <c r="B1389" s="2">
        <v>1415</v>
      </c>
      <c r="C1389" s="2">
        <v>1350</v>
      </c>
      <c r="D1389" s="2">
        <v>1285</v>
      </c>
      <c r="E1389" s="13">
        <v>8191</v>
      </c>
    </row>
    <row r="1390" spans="1:5" ht="12.75" hidden="1" outlineLevel="1">
      <c r="A1390" s="1" t="s">
        <v>1382</v>
      </c>
      <c r="B1390" s="2">
        <v>1415</v>
      </c>
      <c r="C1390" s="2">
        <v>1350</v>
      </c>
      <c r="D1390" s="2">
        <v>1285</v>
      </c>
      <c r="E1390" s="13">
        <v>4338</v>
      </c>
    </row>
    <row r="1391" spans="1:5" ht="12.75" hidden="1" outlineLevel="1">
      <c r="A1391" s="1" t="s">
        <v>1383</v>
      </c>
      <c r="B1391" s="2">
        <v>1415</v>
      </c>
      <c r="C1391" s="2">
        <v>1350</v>
      </c>
      <c r="D1391" s="2">
        <v>1285</v>
      </c>
      <c r="E1391" s="13">
        <v>4343</v>
      </c>
    </row>
    <row r="1392" spans="1:5" ht="12.75" hidden="1" outlineLevel="1">
      <c r="A1392" s="1" t="s">
        <v>1384</v>
      </c>
      <c r="B1392" s="2">
        <v>1415</v>
      </c>
      <c r="C1392" s="2">
        <v>1350</v>
      </c>
      <c r="D1392" s="2">
        <v>1285</v>
      </c>
      <c r="E1392" s="13">
        <v>3397</v>
      </c>
    </row>
    <row r="1393" spans="1:5" ht="12.75" hidden="1" outlineLevel="1">
      <c r="A1393" s="1" t="s">
        <v>1385</v>
      </c>
      <c r="B1393" s="2">
        <v>236</v>
      </c>
      <c r="C1393" s="2">
        <v>225.2</v>
      </c>
      <c r="D1393" s="2">
        <v>214.5</v>
      </c>
      <c r="E1393" s="13">
        <v>6532</v>
      </c>
    </row>
    <row r="1394" spans="1:5" ht="12.75" hidden="1" outlineLevel="1">
      <c r="A1394" s="1" t="s">
        <v>1386</v>
      </c>
      <c r="B1394" s="2">
        <v>3775</v>
      </c>
      <c r="C1394" s="2">
        <v>3605</v>
      </c>
      <c r="D1394" s="2">
        <v>3430</v>
      </c>
      <c r="E1394" s="13">
        <v>4369</v>
      </c>
    </row>
    <row r="1395" spans="1:5" ht="12.75" hidden="1" outlineLevel="1">
      <c r="A1395" s="1" t="s">
        <v>1387</v>
      </c>
      <c r="B1395" s="2">
        <v>1890</v>
      </c>
      <c r="C1395" s="2">
        <v>1800</v>
      </c>
      <c r="D1395" s="2">
        <v>1715</v>
      </c>
      <c r="E1395" s="13">
        <v>1497</v>
      </c>
    </row>
    <row r="1396" spans="1:5" ht="12.75" hidden="1" outlineLevel="1">
      <c r="A1396" s="1" t="s">
        <v>1388</v>
      </c>
      <c r="B1396" s="2">
        <v>3775</v>
      </c>
      <c r="C1396" s="2">
        <v>3605</v>
      </c>
      <c r="D1396" s="2">
        <v>3430</v>
      </c>
      <c r="E1396" s="13">
        <v>3967</v>
      </c>
    </row>
    <row r="1397" spans="1:5" ht="19.5" hidden="1" outlineLevel="1">
      <c r="A1397" s="1" t="s">
        <v>1389</v>
      </c>
      <c r="B1397" s="2">
        <v>945</v>
      </c>
      <c r="C1397" s="2">
        <v>900</v>
      </c>
      <c r="D1397" s="2">
        <v>860</v>
      </c>
      <c r="E1397" s="13">
        <v>1266</v>
      </c>
    </row>
    <row r="1398" spans="1:5" ht="12.75" hidden="1" outlineLevel="1">
      <c r="A1398" s="1" t="s">
        <v>1390</v>
      </c>
      <c r="B1398" s="2">
        <v>945</v>
      </c>
      <c r="C1398" s="2">
        <v>900</v>
      </c>
      <c r="D1398" s="2">
        <v>860</v>
      </c>
      <c r="E1398" s="13">
        <v>1654</v>
      </c>
    </row>
    <row r="1399" spans="1:5" ht="12.75" hidden="1" outlineLevel="1">
      <c r="A1399" s="1" t="s">
        <v>1391</v>
      </c>
      <c r="B1399" s="2">
        <v>2360</v>
      </c>
      <c r="C1399" s="2">
        <v>2250</v>
      </c>
      <c r="D1399" s="2">
        <v>2145</v>
      </c>
      <c r="E1399" s="13">
        <v>5002</v>
      </c>
    </row>
    <row r="1400" spans="1:5" ht="12.75" hidden="1" outlineLevel="1">
      <c r="A1400" s="1" t="s">
        <v>1392</v>
      </c>
      <c r="B1400" s="2">
        <v>2830</v>
      </c>
      <c r="C1400" s="2">
        <v>2705</v>
      </c>
      <c r="D1400" s="2">
        <v>2575</v>
      </c>
      <c r="E1400" s="13">
        <v>4906</v>
      </c>
    </row>
    <row r="1401" spans="1:5" ht="12.75" hidden="1" outlineLevel="1">
      <c r="A1401" s="1" t="s">
        <v>1393</v>
      </c>
      <c r="B1401" s="2">
        <v>4720</v>
      </c>
      <c r="C1401" s="2">
        <v>4505</v>
      </c>
      <c r="D1401" s="2">
        <v>4290</v>
      </c>
      <c r="E1401" s="13">
        <v>5051</v>
      </c>
    </row>
    <row r="1402" spans="1:5" ht="19.5" hidden="1" outlineLevel="1">
      <c r="A1402" s="1" t="s">
        <v>1394</v>
      </c>
      <c r="B1402" s="2">
        <v>2125</v>
      </c>
      <c r="C1402" s="2">
        <v>2025</v>
      </c>
      <c r="D1402" s="2">
        <v>1930</v>
      </c>
      <c r="E1402" s="13">
        <v>4835</v>
      </c>
    </row>
    <row r="1403" spans="1:5" ht="19.5" hidden="1" outlineLevel="1">
      <c r="A1403" s="1" t="s">
        <v>1395</v>
      </c>
      <c r="B1403" s="2">
        <v>1180</v>
      </c>
      <c r="C1403" s="2">
        <v>1125</v>
      </c>
      <c r="D1403" s="2">
        <v>1075</v>
      </c>
      <c r="E1403" s="13">
        <v>4951</v>
      </c>
    </row>
    <row r="1404" spans="1:5" ht="12.75" hidden="1" outlineLevel="1">
      <c r="A1404" s="1" t="s">
        <v>1396</v>
      </c>
      <c r="B1404" s="2">
        <v>7080</v>
      </c>
      <c r="C1404" s="2">
        <v>6755</v>
      </c>
      <c r="D1404" s="2">
        <v>6435</v>
      </c>
      <c r="E1404" s="13">
        <v>6534</v>
      </c>
    </row>
    <row r="1405" spans="1:5" ht="19.5" hidden="1" outlineLevel="1">
      <c r="A1405" s="1" t="s">
        <v>1397</v>
      </c>
      <c r="B1405" s="2">
        <v>7080</v>
      </c>
      <c r="C1405" s="2">
        <v>6755</v>
      </c>
      <c r="D1405" s="2">
        <v>6435</v>
      </c>
      <c r="E1405" s="13">
        <v>8703</v>
      </c>
    </row>
    <row r="1406" spans="1:5" ht="12.75" hidden="1" outlineLevel="1">
      <c r="A1406" s="1" t="s">
        <v>1398</v>
      </c>
      <c r="B1406" s="2">
        <v>1415</v>
      </c>
      <c r="C1406" s="2">
        <v>1350</v>
      </c>
      <c r="D1406" s="2">
        <v>1285</v>
      </c>
      <c r="E1406" s="13">
        <v>1498</v>
      </c>
    </row>
    <row r="1407" spans="1:5" ht="12.75" hidden="1" outlineLevel="1">
      <c r="A1407" s="1" t="s">
        <v>1399</v>
      </c>
      <c r="B1407" s="2">
        <v>2360</v>
      </c>
      <c r="C1407" s="2">
        <v>2250</v>
      </c>
      <c r="D1407" s="2">
        <v>2145</v>
      </c>
      <c r="E1407" s="13">
        <v>4397</v>
      </c>
    </row>
    <row r="1408" spans="1:5" ht="12.75" hidden="1" outlineLevel="1">
      <c r="A1408" s="1" t="s">
        <v>1400</v>
      </c>
      <c r="B1408" s="2">
        <v>472</v>
      </c>
      <c r="C1408" s="2">
        <v>451</v>
      </c>
      <c r="D1408" s="2">
        <v>429</v>
      </c>
      <c r="E1408" s="13">
        <v>6512</v>
      </c>
    </row>
    <row r="1409" spans="1:5" ht="12.75" hidden="1" outlineLevel="1">
      <c r="A1409" s="1" t="s">
        <v>1401</v>
      </c>
      <c r="B1409" s="2">
        <v>4720</v>
      </c>
      <c r="C1409" s="2">
        <v>4505</v>
      </c>
      <c r="D1409" s="2">
        <v>4290</v>
      </c>
      <c r="E1409" s="13">
        <v>1203</v>
      </c>
    </row>
    <row r="1410" spans="1:5" ht="12.75" hidden="1" outlineLevel="1">
      <c r="A1410" s="1" t="s">
        <v>1402</v>
      </c>
      <c r="B1410" s="2">
        <v>2360</v>
      </c>
      <c r="C1410" s="2">
        <v>2250</v>
      </c>
      <c r="D1410" s="2">
        <v>2145</v>
      </c>
      <c r="E1410" s="13">
        <v>6006</v>
      </c>
    </row>
    <row r="1411" spans="1:5" ht="12.75" hidden="1" outlineLevel="1">
      <c r="A1411" s="1" t="s">
        <v>1403</v>
      </c>
      <c r="B1411" s="2">
        <v>945</v>
      </c>
      <c r="C1411" s="2">
        <v>900</v>
      </c>
      <c r="D1411" s="2">
        <v>860</v>
      </c>
      <c r="E1411" s="13">
        <v>1200</v>
      </c>
    </row>
    <row r="1412" spans="1:5" ht="12.75" hidden="1" outlineLevel="1">
      <c r="A1412" s="1" t="s">
        <v>1404</v>
      </c>
      <c r="B1412" s="2">
        <v>7080</v>
      </c>
      <c r="C1412" s="2">
        <v>6755</v>
      </c>
      <c r="D1412" s="2">
        <v>6435</v>
      </c>
      <c r="E1412" s="13">
        <v>5369</v>
      </c>
    </row>
    <row r="1413" spans="1:5" ht="12.75" hidden="1" outlineLevel="1">
      <c r="A1413" s="1" t="s">
        <v>1405</v>
      </c>
      <c r="B1413" s="2">
        <v>7080</v>
      </c>
      <c r="C1413" s="2">
        <v>6755</v>
      </c>
      <c r="D1413" s="2">
        <v>6435</v>
      </c>
      <c r="E1413" s="13">
        <v>6511</v>
      </c>
    </row>
    <row r="1414" spans="1:5" ht="12.75" hidden="1" outlineLevel="1">
      <c r="A1414" s="1" t="s">
        <v>1406</v>
      </c>
      <c r="B1414" s="2">
        <v>1415</v>
      </c>
      <c r="C1414" s="2">
        <v>1350</v>
      </c>
      <c r="D1414" s="2">
        <v>1285</v>
      </c>
      <c r="E1414" s="13">
        <v>3982</v>
      </c>
    </row>
    <row r="1415" spans="1:5" ht="12.75" hidden="1" outlineLevel="1">
      <c r="A1415" s="1" t="s">
        <v>1407</v>
      </c>
      <c r="B1415" s="2">
        <v>1890</v>
      </c>
      <c r="C1415" s="2">
        <v>1800</v>
      </c>
      <c r="D1415" s="2">
        <v>1715</v>
      </c>
      <c r="E1415" s="13">
        <v>5997</v>
      </c>
    </row>
    <row r="1416" spans="1:5" ht="12.75" hidden="1" outlineLevel="1">
      <c r="A1416" s="1" t="s">
        <v>1408</v>
      </c>
      <c r="B1416" s="2">
        <v>1415</v>
      </c>
      <c r="C1416" s="2">
        <v>1350</v>
      </c>
      <c r="D1416" s="2">
        <v>1285</v>
      </c>
      <c r="E1416" s="13">
        <v>6624</v>
      </c>
    </row>
    <row r="1417" spans="1:5" ht="12.75" hidden="1" outlineLevel="1">
      <c r="A1417" s="1" t="s">
        <v>1409</v>
      </c>
      <c r="B1417" s="2">
        <v>94380</v>
      </c>
      <c r="C1417" s="2">
        <v>90090</v>
      </c>
      <c r="D1417" s="2">
        <v>85800</v>
      </c>
      <c r="E1417" s="13">
        <v>4332</v>
      </c>
    </row>
    <row r="1418" spans="1:5" ht="12.75" hidden="1" outlineLevel="1">
      <c r="A1418" s="1" t="s">
        <v>1410</v>
      </c>
      <c r="B1418" s="2">
        <v>30200</v>
      </c>
      <c r="C1418" s="2">
        <v>28830</v>
      </c>
      <c r="D1418" s="2">
        <v>27460</v>
      </c>
      <c r="E1418" s="13">
        <v>8097</v>
      </c>
    </row>
    <row r="1419" spans="1:5" ht="12.75" hidden="1" outlineLevel="1">
      <c r="A1419" s="1" t="s">
        <v>1411</v>
      </c>
      <c r="B1419" s="2">
        <v>7080</v>
      </c>
      <c r="C1419" s="2">
        <v>6755</v>
      </c>
      <c r="D1419" s="2">
        <v>6435</v>
      </c>
      <c r="E1419" s="13">
        <v>6529</v>
      </c>
    </row>
    <row r="1420" spans="1:5" ht="12.75" hidden="1" outlineLevel="1">
      <c r="A1420" s="1" t="s">
        <v>1412</v>
      </c>
      <c r="B1420" s="2">
        <v>6135</v>
      </c>
      <c r="C1420" s="2">
        <v>5855</v>
      </c>
      <c r="D1420" s="2">
        <v>5575</v>
      </c>
      <c r="E1420" s="13">
        <v>6528</v>
      </c>
    </row>
    <row r="1421" spans="1:5" ht="12.75" hidden="1" outlineLevel="1">
      <c r="A1421" s="1" t="s">
        <v>1413</v>
      </c>
      <c r="B1421" s="2">
        <v>6135</v>
      </c>
      <c r="C1421" s="2">
        <v>5855</v>
      </c>
      <c r="D1421" s="2">
        <v>5575</v>
      </c>
      <c r="E1421" s="13">
        <v>4353</v>
      </c>
    </row>
    <row r="1422" spans="1:5" ht="12.75" hidden="1" outlineLevel="1">
      <c r="A1422" s="1" t="s">
        <v>1414</v>
      </c>
      <c r="B1422" s="2">
        <v>7080</v>
      </c>
      <c r="C1422" s="2">
        <v>6755</v>
      </c>
      <c r="D1422" s="2">
        <v>6435</v>
      </c>
      <c r="E1422" s="13">
        <v>1184</v>
      </c>
    </row>
    <row r="1423" spans="1:5" ht="19.5" hidden="1" outlineLevel="1">
      <c r="A1423" s="1" t="s">
        <v>1415</v>
      </c>
      <c r="B1423" s="2">
        <v>7080</v>
      </c>
      <c r="C1423" s="2">
        <v>6755</v>
      </c>
      <c r="D1423" s="2">
        <v>6435</v>
      </c>
      <c r="E1423" s="13">
        <v>1268</v>
      </c>
    </row>
    <row r="1424" spans="1:5" ht="12.75" hidden="1" outlineLevel="1">
      <c r="A1424" s="1" t="s">
        <v>1416</v>
      </c>
      <c r="B1424" s="2">
        <v>9440</v>
      </c>
      <c r="C1424" s="2">
        <v>9010</v>
      </c>
      <c r="D1424" s="2">
        <v>8580</v>
      </c>
      <c r="E1424" s="13">
        <v>6003</v>
      </c>
    </row>
    <row r="1425" spans="1:5" ht="12.75" hidden="1" outlineLevel="1">
      <c r="A1425" s="1" t="s">
        <v>1417</v>
      </c>
      <c r="B1425" s="2">
        <v>2360</v>
      </c>
      <c r="C1425" s="2">
        <v>2250</v>
      </c>
      <c r="D1425" s="2">
        <v>2145</v>
      </c>
      <c r="E1425" s="13">
        <v>6519</v>
      </c>
    </row>
    <row r="1426" spans="1:5" ht="12.75" hidden="1" outlineLevel="1">
      <c r="A1426" s="1" t="s">
        <v>1418</v>
      </c>
      <c r="B1426" s="2">
        <v>2360</v>
      </c>
      <c r="C1426" s="2">
        <v>2250</v>
      </c>
      <c r="D1426" s="2">
        <v>2145</v>
      </c>
      <c r="E1426" s="13">
        <v>5998</v>
      </c>
    </row>
    <row r="1427" spans="1:5" ht="12.75" hidden="1" outlineLevel="1">
      <c r="A1427" s="1" t="s">
        <v>1419</v>
      </c>
      <c r="B1427" s="2">
        <v>9440</v>
      </c>
      <c r="C1427" s="2">
        <v>9010</v>
      </c>
      <c r="D1427" s="2">
        <v>8580</v>
      </c>
      <c r="E1427" s="13">
        <v>8442</v>
      </c>
    </row>
    <row r="1428" spans="1:5" ht="12.75" hidden="1" outlineLevel="1">
      <c r="A1428" s="1" t="s">
        <v>1420</v>
      </c>
      <c r="B1428" s="2">
        <v>945</v>
      </c>
      <c r="C1428" s="2">
        <v>900</v>
      </c>
      <c r="D1428" s="2">
        <v>860</v>
      </c>
      <c r="E1428" s="13">
        <v>3282</v>
      </c>
    </row>
    <row r="1429" spans="1:5" ht="12.75" hidden="1" outlineLevel="1">
      <c r="A1429" s="1" t="s">
        <v>1421</v>
      </c>
      <c r="B1429" s="2">
        <v>945</v>
      </c>
      <c r="C1429" s="2">
        <v>900</v>
      </c>
      <c r="D1429" s="2">
        <v>860</v>
      </c>
      <c r="E1429" s="13">
        <v>6001</v>
      </c>
    </row>
    <row r="1430" spans="1:5" ht="12.75" hidden="1" outlineLevel="1">
      <c r="A1430" s="1" t="s">
        <v>1422</v>
      </c>
      <c r="B1430" s="2">
        <v>4720</v>
      </c>
      <c r="C1430" s="2">
        <v>4505</v>
      </c>
      <c r="D1430" s="2">
        <v>4290</v>
      </c>
      <c r="E1430" s="13">
        <v>3180</v>
      </c>
    </row>
    <row r="1431" spans="1:5" ht="12.75" hidden="1" outlineLevel="1">
      <c r="A1431" s="1" t="s">
        <v>1423</v>
      </c>
      <c r="B1431" s="2">
        <v>4245</v>
      </c>
      <c r="C1431" s="2">
        <v>4055</v>
      </c>
      <c r="D1431" s="2">
        <v>3860</v>
      </c>
      <c r="E1431" s="13">
        <v>4670</v>
      </c>
    </row>
    <row r="1432" spans="1:5" ht="19.5" hidden="1" outlineLevel="1">
      <c r="A1432" s="1" t="s">
        <v>1424</v>
      </c>
      <c r="B1432" s="2">
        <v>9440</v>
      </c>
      <c r="C1432" s="2">
        <v>9010</v>
      </c>
      <c r="D1432" s="2">
        <v>8580</v>
      </c>
      <c r="E1432" s="13">
        <v>4334</v>
      </c>
    </row>
    <row r="1433" spans="1:5" ht="12.75" hidden="1" outlineLevel="1">
      <c r="A1433" s="1" t="s">
        <v>1425</v>
      </c>
      <c r="B1433" s="2">
        <v>9440</v>
      </c>
      <c r="C1433" s="2">
        <v>9010</v>
      </c>
      <c r="D1433" s="2">
        <v>8580</v>
      </c>
      <c r="E1433" s="13">
        <v>8441</v>
      </c>
    </row>
    <row r="1434" spans="1:5" ht="19.5" hidden="1" outlineLevel="1">
      <c r="A1434" s="1" t="s">
        <v>1426</v>
      </c>
      <c r="B1434" s="2">
        <v>1180</v>
      </c>
      <c r="C1434" s="2">
        <v>1125</v>
      </c>
      <c r="D1434" s="2">
        <v>1075</v>
      </c>
      <c r="E1434" s="13">
        <v>5878</v>
      </c>
    </row>
    <row r="1435" spans="1:5" ht="19.5" hidden="1" outlineLevel="1">
      <c r="A1435" s="1" t="s">
        <v>1427</v>
      </c>
      <c r="B1435" s="2">
        <v>1180</v>
      </c>
      <c r="C1435" s="2">
        <v>1125</v>
      </c>
      <c r="D1435" s="2">
        <v>1075</v>
      </c>
      <c r="E1435" s="13">
        <v>3181</v>
      </c>
    </row>
    <row r="1436" spans="1:5" collapsed="1">
      <c r="A1436" s="4" t="s">
        <v>1428</v>
      </c>
      <c r="B1436" s="12"/>
      <c r="C1436" s="12"/>
      <c r="D1436" s="12"/>
      <c r="E1436" s="12"/>
    </row>
    <row r="1437" spans="1:5" ht="12.75" hidden="1" outlineLevel="1">
      <c r="A1437" s="1" t="s">
        <v>1429</v>
      </c>
      <c r="B1437" s="2">
        <v>60.5</v>
      </c>
      <c r="C1437" s="2">
        <v>60.5</v>
      </c>
      <c r="D1437" s="2">
        <v>60.5</v>
      </c>
      <c r="E1437" s="13">
        <v>7122</v>
      </c>
    </row>
    <row r="1438" spans="1:5" ht="12.75" hidden="1" outlineLevel="1">
      <c r="A1438" s="1" t="s">
        <v>1430</v>
      </c>
      <c r="B1438" s="2">
        <v>56.5</v>
      </c>
      <c r="C1438" s="2">
        <v>56.5</v>
      </c>
      <c r="D1438" s="2">
        <v>56.5</v>
      </c>
      <c r="E1438" s="13">
        <v>10144</v>
      </c>
    </row>
    <row r="1439" spans="1:5" ht="12.75" hidden="1" outlineLevel="1">
      <c r="A1439" s="1" t="s">
        <v>1431</v>
      </c>
      <c r="B1439" s="2">
        <v>61</v>
      </c>
      <c r="C1439" s="2">
        <v>61</v>
      </c>
      <c r="D1439" s="2">
        <v>61</v>
      </c>
      <c r="E1439" s="13">
        <v>7115</v>
      </c>
    </row>
    <row r="1440" spans="1:5" ht="12.75" hidden="1" outlineLevel="1">
      <c r="A1440" s="1" t="s">
        <v>1432</v>
      </c>
      <c r="B1440" s="2">
        <v>77.5</v>
      </c>
      <c r="C1440" s="2">
        <v>77.5</v>
      </c>
      <c r="D1440" s="2">
        <v>77.5</v>
      </c>
      <c r="E1440" s="13">
        <v>7513</v>
      </c>
    </row>
    <row r="1441" spans="1:5" ht="12.75" hidden="1" outlineLevel="1">
      <c r="A1441" s="1" t="s">
        <v>1433</v>
      </c>
      <c r="B1441" s="2">
        <v>71</v>
      </c>
      <c r="C1441" s="2">
        <v>71</v>
      </c>
      <c r="D1441" s="2">
        <v>71</v>
      </c>
      <c r="E1441" s="13">
        <v>10145</v>
      </c>
    </row>
    <row r="1442" spans="1:5" ht="12.75" hidden="1" outlineLevel="1">
      <c r="A1442" s="1" t="s">
        <v>1434</v>
      </c>
      <c r="B1442" s="2">
        <v>71</v>
      </c>
      <c r="C1442" s="2">
        <v>71</v>
      </c>
      <c r="D1442" s="2">
        <v>71</v>
      </c>
      <c r="E1442" s="13">
        <v>10174</v>
      </c>
    </row>
    <row r="1443" spans="1:5" ht="12.75" hidden="1" outlineLevel="1">
      <c r="A1443" s="1" t="s">
        <v>1435</v>
      </c>
      <c r="B1443" s="2">
        <v>78</v>
      </c>
      <c r="C1443" s="2">
        <v>78</v>
      </c>
      <c r="D1443" s="2">
        <v>78</v>
      </c>
      <c r="E1443" s="13">
        <v>7116</v>
      </c>
    </row>
    <row r="1444" spans="1:5" ht="12.75" hidden="1" outlineLevel="1">
      <c r="A1444" s="1" t="s">
        <v>1436</v>
      </c>
      <c r="B1444" s="2">
        <v>91</v>
      </c>
      <c r="C1444" s="2">
        <v>91</v>
      </c>
      <c r="D1444" s="2">
        <v>91</v>
      </c>
      <c r="E1444" s="13">
        <v>10146</v>
      </c>
    </row>
    <row r="1445" spans="1:5" ht="12.75" hidden="1" outlineLevel="1">
      <c r="A1445" s="1" t="s">
        <v>1437</v>
      </c>
      <c r="B1445" s="2">
        <v>99.5</v>
      </c>
      <c r="C1445" s="2">
        <v>99.5</v>
      </c>
      <c r="D1445" s="2">
        <v>99.5</v>
      </c>
      <c r="E1445" s="13">
        <v>10133</v>
      </c>
    </row>
    <row r="1446" spans="1:5" ht="12.75" hidden="1" outlineLevel="1">
      <c r="A1446" s="1" t="s">
        <v>1438</v>
      </c>
      <c r="B1446" s="2">
        <v>113.8</v>
      </c>
      <c r="C1446" s="2">
        <v>113.8</v>
      </c>
      <c r="D1446" s="2">
        <v>113.8</v>
      </c>
      <c r="E1446" s="13">
        <v>10147</v>
      </c>
    </row>
    <row r="1447" spans="1:5" ht="12.75" hidden="1" outlineLevel="1">
      <c r="A1447" s="1" t="s">
        <v>1439</v>
      </c>
      <c r="B1447" s="2">
        <v>264.7</v>
      </c>
      <c r="C1447" s="2">
        <v>264.7</v>
      </c>
      <c r="D1447" s="2">
        <v>264.7</v>
      </c>
      <c r="E1447" s="13">
        <v>9279</v>
      </c>
    </row>
    <row r="1448" spans="1:5" ht="12.75" hidden="1" outlineLevel="1">
      <c r="A1448" s="1" t="s">
        <v>1440</v>
      </c>
      <c r="B1448" s="2">
        <v>234.4</v>
      </c>
      <c r="C1448" s="2">
        <v>234.4</v>
      </c>
      <c r="D1448" s="2">
        <v>234.4</v>
      </c>
      <c r="E1448" s="13">
        <v>10206</v>
      </c>
    </row>
    <row r="1449" spans="1:5" ht="12.75" hidden="1" outlineLevel="1">
      <c r="A1449" s="1" t="s">
        <v>1441</v>
      </c>
      <c r="B1449" s="2">
        <v>354</v>
      </c>
      <c r="C1449" s="2">
        <v>354</v>
      </c>
      <c r="D1449" s="2">
        <v>354</v>
      </c>
      <c r="E1449" s="13">
        <v>10134</v>
      </c>
    </row>
    <row r="1450" spans="1:5" ht="12.75" hidden="1" outlineLevel="1">
      <c r="A1450" s="1" t="s">
        <v>1442</v>
      </c>
      <c r="B1450" s="2">
        <v>381</v>
      </c>
      <c r="C1450" s="2">
        <v>381</v>
      </c>
      <c r="D1450" s="2">
        <v>381</v>
      </c>
      <c r="E1450" s="13">
        <v>10269</v>
      </c>
    </row>
    <row r="1451" spans="1:5" ht="12.75" hidden="1" outlineLevel="1">
      <c r="A1451" s="1" t="s">
        <v>1443</v>
      </c>
      <c r="B1451" s="2">
        <v>394</v>
      </c>
      <c r="C1451" s="2">
        <v>394</v>
      </c>
      <c r="D1451" s="2">
        <v>394</v>
      </c>
      <c r="E1451" s="13">
        <v>7153</v>
      </c>
    </row>
    <row r="1452" spans="1:5" ht="12.75" hidden="1" outlineLevel="1">
      <c r="A1452" s="1" t="s">
        <v>1444</v>
      </c>
      <c r="B1452" s="2">
        <v>379</v>
      </c>
      <c r="C1452" s="2">
        <v>379</v>
      </c>
      <c r="D1452" s="2">
        <v>379</v>
      </c>
      <c r="E1452" s="13">
        <v>10148</v>
      </c>
    </row>
    <row r="1453" spans="1:5" ht="12.75" hidden="1" outlineLevel="1">
      <c r="A1453" s="1" t="s">
        <v>1445</v>
      </c>
      <c r="B1453" s="2">
        <v>132.69999999999999</v>
      </c>
      <c r="C1453" s="2">
        <v>132.69999999999999</v>
      </c>
      <c r="D1453" s="2">
        <v>132.69999999999999</v>
      </c>
      <c r="E1453" s="13">
        <v>10229</v>
      </c>
    </row>
    <row r="1454" spans="1:5" ht="12.75" hidden="1" outlineLevel="1">
      <c r="A1454" s="1" t="s">
        <v>1446</v>
      </c>
      <c r="B1454" s="2">
        <v>278.5</v>
      </c>
      <c r="C1454" s="2">
        <v>278.5</v>
      </c>
      <c r="D1454" s="2">
        <v>278.5</v>
      </c>
      <c r="E1454" s="13">
        <v>9379</v>
      </c>
    </row>
    <row r="1455" spans="1:5" ht="12.75" hidden="1" outlineLevel="1">
      <c r="A1455" s="1" t="s">
        <v>1447</v>
      </c>
      <c r="B1455" s="2">
        <v>209.6</v>
      </c>
      <c r="C1455" s="2">
        <v>209.6</v>
      </c>
      <c r="D1455" s="2">
        <v>209.6</v>
      </c>
      <c r="E1455" s="13">
        <v>10207</v>
      </c>
    </row>
    <row r="1456" spans="1:5" ht="12.75" hidden="1" outlineLevel="1">
      <c r="A1456" s="1" t="s">
        <v>1448</v>
      </c>
      <c r="B1456" s="2">
        <v>371</v>
      </c>
      <c r="C1456" s="2">
        <v>371</v>
      </c>
      <c r="D1456" s="2">
        <v>371</v>
      </c>
      <c r="E1456" s="13">
        <v>9381</v>
      </c>
    </row>
    <row r="1457" spans="1:5" ht="12.75" hidden="1" outlineLevel="1">
      <c r="A1457" s="1" t="s">
        <v>1449</v>
      </c>
      <c r="B1457" s="2">
        <v>391</v>
      </c>
      <c r="C1457" s="2">
        <v>391</v>
      </c>
      <c r="D1457" s="2">
        <v>391</v>
      </c>
      <c r="E1457" s="13">
        <v>9662</v>
      </c>
    </row>
    <row r="1458" spans="1:5" ht="12.75" hidden="1" outlineLevel="1">
      <c r="A1458" s="1" t="s">
        <v>1450</v>
      </c>
      <c r="B1458" s="2">
        <v>419</v>
      </c>
      <c r="C1458" s="2">
        <v>419</v>
      </c>
      <c r="D1458" s="2">
        <v>419</v>
      </c>
      <c r="E1458" s="13">
        <v>9380</v>
      </c>
    </row>
    <row r="1459" spans="1:5" ht="12.75" hidden="1" outlineLevel="1">
      <c r="A1459" s="1" t="s">
        <v>1451</v>
      </c>
      <c r="B1459" s="2">
        <v>374</v>
      </c>
      <c r="C1459" s="2">
        <v>374</v>
      </c>
      <c r="D1459" s="2">
        <v>374</v>
      </c>
      <c r="E1459" s="13">
        <v>9661</v>
      </c>
    </row>
    <row r="1460" spans="1:5" ht="12.75" hidden="1" outlineLevel="1">
      <c r="A1460" s="1" t="s">
        <v>1452</v>
      </c>
      <c r="B1460" s="2">
        <v>800</v>
      </c>
      <c r="C1460" s="2">
        <v>800</v>
      </c>
      <c r="D1460" s="2">
        <v>800</v>
      </c>
      <c r="E1460" s="13">
        <v>7119</v>
      </c>
    </row>
    <row r="1461" spans="1:5" ht="12.75" hidden="1" outlineLevel="1">
      <c r="A1461" s="1" t="s">
        <v>1453</v>
      </c>
      <c r="B1461" s="2">
        <v>459</v>
      </c>
      <c r="C1461" s="2">
        <v>459</v>
      </c>
      <c r="D1461" s="2">
        <v>459</v>
      </c>
      <c r="E1461" s="13">
        <v>9280</v>
      </c>
    </row>
    <row r="1462" spans="1:5" ht="12.75" hidden="1" outlineLevel="1">
      <c r="A1462" s="1" t="s">
        <v>1454</v>
      </c>
      <c r="B1462" s="2">
        <v>499</v>
      </c>
      <c r="C1462" s="2">
        <v>499</v>
      </c>
      <c r="D1462" s="2">
        <v>499</v>
      </c>
      <c r="E1462" s="13">
        <v>7120</v>
      </c>
    </row>
    <row r="1463" spans="1:5" ht="12.75" hidden="1" outlineLevel="1">
      <c r="A1463" s="1" t="s">
        <v>1455</v>
      </c>
      <c r="B1463" s="2">
        <v>785</v>
      </c>
      <c r="C1463" s="2">
        <v>785</v>
      </c>
      <c r="D1463" s="2">
        <v>785</v>
      </c>
      <c r="E1463" s="13">
        <v>7196</v>
      </c>
    </row>
    <row r="1464" spans="1:5" ht="12.75" hidden="1" outlineLevel="1">
      <c r="A1464" s="1" t="s">
        <v>1456</v>
      </c>
      <c r="B1464" s="2">
        <v>524</v>
      </c>
      <c r="C1464" s="2">
        <v>524</v>
      </c>
      <c r="D1464" s="2">
        <v>524</v>
      </c>
      <c r="E1464" s="13">
        <v>9549</v>
      </c>
    </row>
    <row r="1465" spans="1:5" ht="12.75" hidden="1" outlineLevel="1">
      <c r="A1465" s="1" t="s">
        <v>1457</v>
      </c>
      <c r="B1465" s="2">
        <v>440</v>
      </c>
      <c r="C1465" s="2">
        <v>440</v>
      </c>
      <c r="D1465" s="2">
        <v>440</v>
      </c>
      <c r="E1465" s="13">
        <v>9868</v>
      </c>
    </row>
    <row r="1466" spans="1:5" ht="12.75" hidden="1" outlineLevel="1">
      <c r="A1466" s="1" t="s">
        <v>1458</v>
      </c>
      <c r="B1466" s="2">
        <v>615</v>
      </c>
      <c r="C1466" s="2">
        <v>615</v>
      </c>
      <c r="D1466" s="2">
        <v>615</v>
      </c>
      <c r="E1466" s="13">
        <v>9526</v>
      </c>
    </row>
    <row r="1467" spans="1:5" ht="12.75" hidden="1" outlineLevel="1">
      <c r="A1467" s="1" t="s">
        <v>1459</v>
      </c>
      <c r="B1467" s="2">
        <v>615</v>
      </c>
      <c r="C1467" s="2">
        <v>615</v>
      </c>
      <c r="D1467" s="2">
        <v>615</v>
      </c>
      <c r="E1467" s="13">
        <v>9527</v>
      </c>
    </row>
    <row r="1468" spans="1:5" ht="12.75" hidden="1" outlineLevel="1">
      <c r="A1468" s="1" t="s">
        <v>1460</v>
      </c>
      <c r="B1468" s="2">
        <v>588</v>
      </c>
      <c r="C1468" s="2">
        <v>588</v>
      </c>
      <c r="D1468" s="2">
        <v>588</v>
      </c>
      <c r="E1468" s="13">
        <v>9550</v>
      </c>
    </row>
    <row r="1469" spans="1:5" ht="12.75" hidden="1" outlineLevel="1">
      <c r="A1469" s="1" t="s">
        <v>1461</v>
      </c>
      <c r="B1469" s="2">
        <v>615</v>
      </c>
      <c r="C1469" s="2">
        <v>615</v>
      </c>
      <c r="D1469" s="2">
        <v>615</v>
      </c>
      <c r="E1469" s="13">
        <v>9551</v>
      </c>
    </row>
    <row r="1470" spans="1:5" ht="12.75" hidden="1" outlineLevel="1">
      <c r="A1470" s="1" t="s">
        <v>1462</v>
      </c>
      <c r="B1470" s="2">
        <v>71</v>
      </c>
      <c r="C1470" s="2">
        <v>71</v>
      </c>
      <c r="D1470" s="2">
        <v>71</v>
      </c>
      <c r="E1470" s="13">
        <v>732</v>
      </c>
    </row>
    <row r="1471" spans="1:5" ht="12.75" hidden="1" outlineLevel="1">
      <c r="A1471" s="1" t="s">
        <v>1463</v>
      </c>
      <c r="B1471" s="2">
        <v>86.5</v>
      </c>
      <c r="C1471" s="2">
        <v>86.5</v>
      </c>
      <c r="D1471" s="2">
        <v>86.5</v>
      </c>
      <c r="E1471" s="13">
        <v>734</v>
      </c>
    </row>
    <row r="1472" spans="1:5" ht="12.75" hidden="1" outlineLevel="1">
      <c r="A1472" s="1" t="s">
        <v>1464</v>
      </c>
      <c r="B1472" s="2">
        <v>137.9</v>
      </c>
      <c r="C1472" s="2">
        <v>137.9</v>
      </c>
      <c r="D1472" s="2">
        <v>137.9</v>
      </c>
      <c r="E1472" s="13">
        <v>740</v>
      </c>
    </row>
    <row r="1473" spans="1:5" ht="12.75" hidden="1" outlineLevel="1">
      <c r="A1473" s="1" t="s">
        <v>1465</v>
      </c>
      <c r="B1473" s="2">
        <v>63</v>
      </c>
      <c r="C1473" s="2">
        <v>63</v>
      </c>
      <c r="D1473" s="2">
        <v>63</v>
      </c>
      <c r="E1473" s="13">
        <v>735</v>
      </c>
    </row>
    <row r="1474" spans="1:5" ht="12.75" hidden="1" outlineLevel="1">
      <c r="A1474" s="1" t="s">
        <v>1466</v>
      </c>
      <c r="B1474" s="2">
        <v>72</v>
      </c>
      <c r="C1474" s="2">
        <v>72</v>
      </c>
      <c r="D1474" s="2">
        <v>72</v>
      </c>
      <c r="E1474" s="13">
        <v>736</v>
      </c>
    </row>
    <row r="1475" spans="1:5" ht="12.75" hidden="1" outlineLevel="1">
      <c r="A1475" s="1" t="s">
        <v>1467</v>
      </c>
      <c r="B1475" s="2">
        <v>92</v>
      </c>
      <c r="C1475" s="2">
        <v>92</v>
      </c>
      <c r="D1475" s="2">
        <v>92</v>
      </c>
      <c r="E1475" s="13">
        <v>737</v>
      </c>
    </row>
    <row r="1476" spans="1:5" ht="12.75" hidden="1" outlineLevel="1">
      <c r="A1476" s="1" t="s">
        <v>1468</v>
      </c>
      <c r="B1476" s="2">
        <v>73.5</v>
      </c>
      <c r="C1476" s="2">
        <v>73.5</v>
      </c>
      <c r="D1476" s="2">
        <v>73.5</v>
      </c>
      <c r="E1476" s="13">
        <v>3499</v>
      </c>
    </row>
    <row r="1477" spans="1:5" ht="12.75" hidden="1" outlineLevel="1">
      <c r="A1477" s="1" t="s">
        <v>1469</v>
      </c>
      <c r="B1477" s="2">
        <v>93.5</v>
      </c>
      <c r="C1477" s="2">
        <v>93.5</v>
      </c>
      <c r="D1477" s="2">
        <v>93.5</v>
      </c>
      <c r="E1477" s="13">
        <v>8605</v>
      </c>
    </row>
    <row r="1478" spans="1:5" ht="12.75" hidden="1" outlineLevel="1">
      <c r="A1478" s="1" t="s">
        <v>1470</v>
      </c>
      <c r="B1478" s="2">
        <v>93.5</v>
      </c>
      <c r="C1478" s="2">
        <v>93.5</v>
      </c>
      <c r="D1478" s="2">
        <v>93.5</v>
      </c>
      <c r="E1478" s="13">
        <v>8687</v>
      </c>
    </row>
    <row r="1479" spans="1:5" ht="12.75" hidden="1" outlineLevel="1">
      <c r="A1479" s="1" t="s">
        <v>1471</v>
      </c>
      <c r="B1479" s="2">
        <v>119.4</v>
      </c>
      <c r="C1479" s="2">
        <v>119.4</v>
      </c>
      <c r="D1479" s="2">
        <v>119.4</v>
      </c>
      <c r="E1479" s="13">
        <v>744</v>
      </c>
    </row>
    <row r="1480" spans="1:5" ht="12.75" hidden="1" outlineLevel="1">
      <c r="A1480" s="1" t="s">
        <v>1472</v>
      </c>
      <c r="B1480" s="2">
        <v>119.4</v>
      </c>
      <c r="C1480" s="2">
        <v>119.4</v>
      </c>
      <c r="D1480" s="2">
        <v>119.4</v>
      </c>
      <c r="E1480" s="13">
        <v>3498</v>
      </c>
    </row>
    <row r="1481" spans="1:5" ht="12.75" hidden="1" outlineLevel="1">
      <c r="A1481" s="1" t="s">
        <v>1473</v>
      </c>
      <c r="B1481" s="2">
        <v>148.5</v>
      </c>
      <c r="C1481" s="2">
        <v>148.5</v>
      </c>
      <c r="D1481" s="2">
        <v>148.5</v>
      </c>
      <c r="E1481" s="13">
        <v>733</v>
      </c>
    </row>
    <row r="1482" spans="1:5" ht="12.75" hidden="1" outlineLevel="1">
      <c r="A1482" s="1" t="s">
        <v>1474</v>
      </c>
      <c r="B1482" s="2">
        <v>275.7</v>
      </c>
      <c r="C1482" s="2">
        <v>275.7</v>
      </c>
      <c r="D1482" s="2">
        <v>275.7</v>
      </c>
      <c r="E1482" s="13">
        <v>4792</v>
      </c>
    </row>
    <row r="1483" spans="1:5" ht="12.75" hidden="1" outlineLevel="1">
      <c r="A1483" s="1" t="s">
        <v>1475</v>
      </c>
      <c r="B1483" s="2">
        <v>318</v>
      </c>
      <c r="C1483" s="2">
        <v>318</v>
      </c>
      <c r="D1483" s="2">
        <v>318</v>
      </c>
      <c r="E1483" s="13">
        <v>7178</v>
      </c>
    </row>
    <row r="1484" spans="1:5" ht="12.75" hidden="1" outlineLevel="1">
      <c r="A1484" s="1" t="s">
        <v>1476</v>
      </c>
      <c r="B1484" s="2">
        <v>433</v>
      </c>
      <c r="C1484" s="2">
        <v>433</v>
      </c>
      <c r="D1484" s="2">
        <v>433</v>
      </c>
      <c r="E1484" s="13">
        <v>7944</v>
      </c>
    </row>
    <row r="1485" spans="1:5" ht="12.75" hidden="1" outlineLevel="1">
      <c r="A1485" s="1" t="s">
        <v>1477</v>
      </c>
      <c r="B1485" s="2">
        <v>473</v>
      </c>
      <c r="C1485" s="2">
        <v>473</v>
      </c>
      <c r="D1485" s="2">
        <v>473</v>
      </c>
      <c r="E1485" s="13">
        <v>7992</v>
      </c>
    </row>
    <row r="1486" spans="1:5" ht="12.75" hidden="1" outlineLevel="1">
      <c r="A1486" s="1" t="s">
        <v>1478</v>
      </c>
      <c r="B1486" s="2">
        <v>508</v>
      </c>
      <c r="C1486" s="2">
        <v>508</v>
      </c>
      <c r="D1486" s="2">
        <v>508</v>
      </c>
      <c r="E1486" s="13">
        <v>3361</v>
      </c>
    </row>
    <row r="1487" spans="1:5" ht="12.75" hidden="1" outlineLevel="1">
      <c r="A1487" s="1" t="s">
        <v>1479</v>
      </c>
      <c r="B1487" s="2">
        <v>490</v>
      </c>
      <c r="C1487" s="2">
        <v>490</v>
      </c>
      <c r="D1487" s="2">
        <v>490</v>
      </c>
      <c r="E1487" s="13">
        <v>5527</v>
      </c>
    </row>
    <row r="1488" spans="1:5" ht="12.75" hidden="1" outlineLevel="1">
      <c r="A1488" s="1" t="s">
        <v>1480</v>
      </c>
      <c r="B1488" s="2">
        <v>449</v>
      </c>
      <c r="C1488" s="2">
        <v>449</v>
      </c>
      <c r="D1488" s="2">
        <v>449</v>
      </c>
      <c r="E1488" s="13">
        <v>5986</v>
      </c>
    </row>
    <row r="1489" spans="1:5" ht="12.75" hidden="1" outlineLevel="1">
      <c r="A1489" s="1" t="s">
        <v>1481</v>
      </c>
      <c r="B1489" s="2">
        <v>960</v>
      </c>
      <c r="C1489" s="2">
        <v>960</v>
      </c>
      <c r="D1489" s="2">
        <v>960</v>
      </c>
      <c r="E1489" s="13">
        <v>5741</v>
      </c>
    </row>
    <row r="1490" spans="1:5" ht="12.75" hidden="1" outlineLevel="1">
      <c r="A1490" s="1" t="s">
        <v>1482</v>
      </c>
      <c r="B1490" s="2">
        <v>551</v>
      </c>
      <c r="C1490" s="2">
        <v>551</v>
      </c>
      <c r="D1490" s="2">
        <v>551</v>
      </c>
      <c r="E1490" s="13">
        <v>5528</v>
      </c>
    </row>
    <row r="1491" spans="1:5" ht="12.75" hidden="1" outlineLevel="1">
      <c r="A1491" s="1" t="s">
        <v>1483</v>
      </c>
      <c r="B1491" s="2">
        <v>394</v>
      </c>
      <c r="C1491" s="2">
        <v>394</v>
      </c>
      <c r="D1491" s="2">
        <v>394</v>
      </c>
      <c r="E1491" s="13">
        <v>5529</v>
      </c>
    </row>
    <row r="1492" spans="1:5" ht="12.75" hidden="1" outlineLevel="1">
      <c r="A1492" s="1" t="s">
        <v>1484</v>
      </c>
      <c r="B1492" s="2">
        <v>533</v>
      </c>
      <c r="C1492" s="2">
        <v>533</v>
      </c>
      <c r="D1492" s="2">
        <v>533</v>
      </c>
      <c r="E1492" s="13">
        <v>5532</v>
      </c>
    </row>
    <row r="1493" spans="1:5" ht="12.75" hidden="1" outlineLevel="1">
      <c r="A1493" s="1" t="s">
        <v>1485</v>
      </c>
      <c r="B1493" s="2">
        <v>599</v>
      </c>
      <c r="C1493" s="2">
        <v>599</v>
      </c>
      <c r="D1493" s="2">
        <v>599</v>
      </c>
      <c r="E1493" s="13">
        <v>5533</v>
      </c>
    </row>
    <row r="1494" spans="1:5" ht="12.75" hidden="1" outlineLevel="1">
      <c r="A1494" s="1" t="s">
        <v>1486</v>
      </c>
      <c r="B1494" s="2">
        <v>473</v>
      </c>
      <c r="C1494" s="2">
        <v>473</v>
      </c>
      <c r="D1494" s="2">
        <v>473</v>
      </c>
      <c r="E1494" s="13">
        <v>5531</v>
      </c>
    </row>
    <row r="1495" spans="1:5" ht="12.75" hidden="1" outlineLevel="1">
      <c r="A1495" s="1" t="s">
        <v>1487</v>
      </c>
      <c r="B1495" s="2">
        <v>130</v>
      </c>
      <c r="C1495" s="2">
        <v>130</v>
      </c>
      <c r="D1495" s="2">
        <v>130</v>
      </c>
      <c r="E1495" s="13">
        <v>7154</v>
      </c>
    </row>
    <row r="1496" spans="1:5" ht="12.75" hidden="1" outlineLevel="1">
      <c r="A1496" s="1" t="s">
        <v>1488</v>
      </c>
      <c r="B1496" s="2">
        <v>90.5</v>
      </c>
      <c r="C1496" s="2">
        <v>90.5</v>
      </c>
      <c r="D1496" s="2">
        <v>90.5</v>
      </c>
      <c r="E1496" s="13">
        <v>5230</v>
      </c>
    </row>
    <row r="1497" spans="1:5" ht="12.75" hidden="1" outlineLevel="1">
      <c r="A1497" s="1" t="s">
        <v>1489</v>
      </c>
      <c r="B1497" s="2">
        <v>177.3</v>
      </c>
      <c r="C1497" s="2">
        <v>177.3</v>
      </c>
      <c r="D1497" s="2">
        <v>177.3</v>
      </c>
      <c r="E1497" s="13">
        <v>6023</v>
      </c>
    </row>
    <row r="1498" spans="1:5" ht="12.75" hidden="1" outlineLevel="1">
      <c r="A1498" s="1" t="s">
        <v>1490</v>
      </c>
      <c r="B1498" s="2">
        <v>181.2</v>
      </c>
      <c r="C1498" s="2">
        <v>181.2</v>
      </c>
      <c r="D1498" s="2">
        <v>181.2</v>
      </c>
      <c r="E1498" s="13">
        <v>6228</v>
      </c>
    </row>
    <row r="1499" spans="1:5" collapsed="1">
      <c r="A1499" s="4" t="s">
        <v>1491</v>
      </c>
      <c r="B1499" s="12"/>
      <c r="C1499" s="12"/>
      <c r="D1499" s="12"/>
      <c r="E1499" s="12"/>
    </row>
    <row r="1500" spans="1:5" ht="12.75" hidden="1" outlineLevel="1">
      <c r="A1500" s="1" t="s">
        <v>1492</v>
      </c>
      <c r="B1500" s="2">
        <v>945</v>
      </c>
      <c r="C1500" s="2">
        <v>850</v>
      </c>
      <c r="D1500" s="2">
        <v>629</v>
      </c>
      <c r="E1500" s="13">
        <v>7680</v>
      </c>
    </row>
    <row r="1501" spans="1:5" ht="12.75" hidden="1" outlineLevel="1">
      <c r="A1501" s="1" t="s">
        <v>1493</v>
      </c>
      <c r="B1501" s="2">
        <v>790</v>
      </c>
      <c r="C1501" s="2">
        <v>715</v>
      </c>
      <c r="D1501" s="2">
        <v>528</v>
      </c>
      <c r="E1501" s="13">
        <v>7531</v>
      </c>
    </row>
    <row r="1502" spans="1:5" ht="12.75" hidden="1" outlineLevel="1">
      <c r="A1502" s="1" t="s">
        <v>1494</v>
      </c>
      <c r="B1502" s="2">
        <v>1110</v>
      </c>
      <c r="C1502" s="2">
        <v>995</v>
      </c>
      <c r="D1502" s="2">
        <v>740</v>
      </c>
      <c r="E1502" s="13">
        <v>7534</v>
      </c>
    </row>
    <row r="1503" spans="1:5" ht="12.75" hidden="1" outlineLevel="1">
      <c r="A1503" s="1" t="s">
        <v>1495</v>
      </c>
      <c r="B1503" s="2">
        <v>1110</v>
      </c>
      <c r="C1503" s="2">
        <v>995</v>
      </c>
      <c r="D1503" s="2">
        <v>740</v>
      </c>
      <c r="E1503" s="13">
        <v>7535</v>
      </c>
    </row>
    <row r="1504" spans="1:5" ht="12.75" hidden="1" outlineLevel="1">
      <c r="A1504" s="1" t="s">
        <v>1496</v>
      </c>
      <c r="B1504" s="2">
        <v>1125</v>
      </c>
      <c r="C1504" s="2">
        <v>1010</v>
      </c>
      <c r="D1504" s="2">
        <v>750</v>
      </c>
      <c r="E1504" s="13">
        <v>9100</v>
      </c>
    </row>
    <row r="1505" spans="1:5" ht="12.75" hidden="1" outlineLevel="1">
      <c r="A1505" s="1" t="s">
        <v>1497</v>
      </c>
      <c r="B1505" s="2">
        <v>1060</v>
      </c>
      <c r="C1505" s="2">
        <v>955</v>
      </c>
      <c r="D1505" s="2">
        <v>705</v>
      </c>
      <c r="E1505" s="13">
        <v>7536</v>
      </c>
    </row>
    <row r="1506" spans="1:5" ht="12.75" hidden="1" outlineLevel="1">
      <c r="A1506" s="1" t="s">
        <v>1498</v>
      </c>
      <c r="B1506" s="2">
        <v>1110</v>
      </c>
      <c r="C1506" s="2">
        <v>995</v>
      </c>
      <c r="D1506" s="2">
        <v>740</v>
      </c>
      <c r="E1506" s="13">
        <v>7532</v>
      </c>
    </row>
    <row r="1507" spans="1:5" ht="12.75" hidden="1" outlineLevel="1">
      <c r="A1507" s="1" t="s">
        <v>1499</v>
      </c>
      <c r="B1507" s="2">
        <v>1950</v>
      </c>
      <c r="C1507" s="2">
        <v>1755</v>
      </c>
      <c r="D1507" s="2">
        <v>1300</v>
      </c>
      <c r="E1507" s="13">
        <v>3011</v>
      </c>
    </row>
    <row r="1508" spans="1:5" ht="12.75" hidden="1" outlineLevel="1">
      <c r="A1508" s="1" t="s">
        <v>1500</v>
      </c>
      <c r="B1508" s="2">
        <v>2660</v>
      </c>
      <c r="C1508" s="2">
        <v>2395</v>
      </c>
      <c r="D1508" s="2">
        <v>1775</v>
      </c>
      <c r="E1508" s="13">
        <v>1649</v>
      </c>
    </row>
    <row r="1509" spans="1:5" ht="12.75" hidden="1" outlineLevel="1">
      <c r="A1509" s="1" t="s">
        <v>1501</v>
      </c>
      <c r="B1509" s="2">
        <v>2130</v>
      </c>
      <c r="C1509" s="2">
        <v>1915</v>
      </c>
      <c r="D1509" s="2">
        <v>1420</v>
      </c>
      <c r="E1509" s="13">
        <v>7575</v>
      </c>
    </row>
    <row r="1510" spans="1:5" ht="12.75" hidden="1" outlineLevel="1">
      <c r="A1510" s="1" t="s">
        <v>1502</v>
      </c>
      <c r="B1510" s="2">
        <v>2720</v>
      </c>
      <c r="C1510" s="2">
        <v>2450</v>
      </c>
      <c r="D1510" s="2">
        <v>1815</v>
      </c>
      <c r="E1510" s="13">
        <v>7862</v>
      </c>
    </row>
    <row r="1511" spans="1:5" ht="12.75" hidden="1" outlineLevel="1">
      <c r="A1511" s="1" t="s">
        <v>1503</v>
      </c>
      <c r="B1511" s="2">
        <v>8575</v>
      </c>
      <c r="C1511" s="2">
        <v>7720</v>
      </c>
      <c r="D1511" s="2">
        <v>5715</v>
      </c>
      <c r="E1511" s="13">
        <v>9075</v>
      </c>
    </row>
    <row r="1512" spans="1:5" ht="12.75" hidden="1" outlineLevel="1">
      <c r="A1512" s="1" t="s">
        <v>1504</v>
      </c>
      <c r="B1512" s="2">
        <v>295.7</v>
      </c>
      <c r="C1512" s="2">
        <v>266.10000000000002</v>
      </c>
      <c r="D1512" s="2">
        <v>197.1</v>
      </c>
      <c r="E1512" s="13">
        <v>9076</v>
      </c>
    </row>
    <row r="1513" spans="1:5" ht="12.75" hidden="1" outlineLevel="1">
      <c r="A1513" s="1" t="s">
        <v>1505</v>
      </c>
      <c r="B1513" s="2">
        <v>1480</v>
      </c>
      <c r="C1513" s="2">
        <v>1330</v>
      </c>
      <c r="D1513" s="2">
        <v>985</v>
      </c>
      <c r="E1513" s="13">
        <v>7568</v>
      </c>
    </row>
    <row r="1514" spans="1:5" ht="12.75" hidden="1" outlineLevel="1">
      <c r="A1514" s="1" t="s">
        <v>1506</v>
      </c>
      <c r="B1514" s="2">
        <v>1775</v>
      </c>
      <c r="C1514" s="2">
        <v>1595</v>
      </c>
      <c r="D1514" s="2">
        <v>1185</v>
      </c>
      <c r="E1514" s="13">
        <v>7569</v>
      </c>
    </row>
    <row r="1515" spans="1:5" ht="12.75" hidden="1" outlineLevel="1">
      <c r="A1515" s="1" t="s">
        <v>1507</v>
      </c>
      <c r="B1515" s="2">
        <v>2245</v>
      </c>
      <c r="C1515" s="2">
        <v>2025</v>
      </c>
      <c r="D1515" s="2">
        <v>1500</v>
      </c>
      <c r="E1515" s="13">
        <v>7572</v>
      </c>
    </row>
    <row r="1516" spans="1:5" ht="12.75" hidden="1" outlineLevel="1">
      <c r="A1516" s="1" t="s">
        <v>1508</v>
      </c>
      <c r="B1516" s="2">
        <v>4315</v>
      </c>
      <c r="C1516" s="2">
        <v>3885</v>
      </c>
      <c r="D1516" s="2">
        <v>2880</v>
      </c>
      <c r="E1516" s="13">
        <v>7573</v>
      </c>
    </row>
    <row r="1517" spans="1:5" ht="12.75" hidden="1" outlineLevel="1">
      <c r="A1517" s="1" t="s">
        <v>1509</v>
      </c>
      <c r="B1517" s="2">
        <v>5025</v>
      </c>
      <c r="C1517" s="2">
        <v>4525</v>
      </c>
      <c r="D1517" s="2">
        <v>3350</v>
      </c>
      <c r="E1517" s="13">
        <v>9070</v>
      </c>
    </row>
    <row r="1518" spans="1:5" ht="12.75" hidden="1" outlineLevel="1">
      <c r="A1518" s="1" t="s">
        <v>1510</v>
      </c>
      <c r="B1518" s="2">
        <v>3845</v>
      </c>
      <c r="C1518" s="2">
        <v>3460</v>
      </c>
      <c r="D1518" s="2">
        <v>2565</v>
      </c>
      <c r="E1518" s="13">
        <v>5812</v>
      </c>
    </row>
    <row r="1519" spans="1:5" ht="12.75" hidden="1" outlineLevel="1">
      <c r="A1519" s="1" t="s">
        <v>1511</v>
      </c>
      <c r="B1519" s="2">
        <v>7095</v>
      </c>
      <c r="C1519" s="2">
        <v>6385</v>
      </c>
      <c r="D1519" s="2">
        <v>4730</v>
      </c>
      <c r="E1519" s="13">
        <v>7678</v>
      </c>
    </row>
    <row r="1520" spans="1:5" ht="12.75" hidden="1" outlineLevel="1">
      <c r="A1520" s="1" t="s">
        <v>1512</v>
      </c>
      <c r="B1520" s="2">
        <v>2660</v>
      </c>
      <c r="C1520" s="2">
        <v>2395</v>
      </c>
      <c r="D1520" s="2">
        <v>1775</v>
      </c>
      <c r="E1520" s="13">
        <v>7576</v>
      </c>
    </row>
    <row r="1521" spans="1:5" ht="12.75" hidden="1" outlineLevel="1">
      <c r="A1521" s="1" t="s">
        <v>1513</v>
      </c>
      <c r="B1521" s="2">
        <v>4140</v>
      </c>
      <c r="C1521" s="2">
        <v>3725</v>
      </c>
      <c r="D1521" s="2">
        <v>2760</v>
      </c>
      <c r="E1521" s="13">
        <v>7574</v>
      </c>
    </row>
    <row r="1522" spans="1:5" ht="12.75" hidden="1" outlineLevel="1">
      <c r="A1522" s="1" t="s">
        <v>1514</v>
      </c>
      <c r="B1522" s="2">
        <v>2190</v>
      </c>
      <c r="C1522" s="2">
        <v>1970</v>
      </c>
      <c r="D1522" s="2">
        <v>1460</v>
      </c>
      <c r="E1522" s="13">
        <v>10209</v>
      </c>
    </row>
    <row r="1523" spans="1:5" ht="19.5" hidden="1" outlineLevel="1">
      <c r="A1523" s="1" t="s">
        <v>1515</v>
      </c>
      <c r="B1523" s="2">
        <v>1775</v>
      </c>
      <c r="C1523" s="2">
        <v>1595</v>
      </c>
      <c r="D1523" s="2">
        <v>1185</v>
      </c>
      <c r="E1523" s="13">
        <v>9088</v>
      </c>
    </row>
    <row r="1524" spans="1:5" ht="12.75" hidden="1" outlineLevel="1">
      <c r="A1524" s="1" t="s">
        <v>1516</v>
      </c>
      <c r="B1524" s="2">
        <v>1480</v>
      </c>
      <c r="C1524" s="2">
        <v>1330</v>
      </c>
      <c r="D1524" s="2">
        <v>985</v>
      </c>
      <c r="E1524" s="13">
        <v>10210</v>
      </c>
    </row>
    <row r="1525" spans="1:5" ht="19.5" hidden="1" outlineLevel="1">
      <c r="A1525" s="1" t="s">
        <v>1517</v>
      </c>
      <c r="B1525" s="2">
        <v>770</v>
      </c>
      <c r="C1525" s="2">
        <v>692</v>
      </c>
      <c r="D1525" s="2">
        <v>513</v>
      </c>
      <c r="E1525" s="13">
        <v>9083</v>
      </c>
    </row>
    <row r="1526" spans="1:5" ht="19.5" hidden="1" outlineLevel="1">
      <c r="A1526" s="1" t="s">
        <v>1518</v>
      </c>
      <c r="B1526" s="2">
        <v>1300</v>
      </c>
      <c r="C1526" s="2">
        <v>1170</v>
      </c>
      <c r="D1526" s="2">
        <v>865</v>
      </c>
      <c r="E1526" s="13">
        <v>9086</v>
      </c>
    </row>
    <row r="1527" spans="1:5" ht="19.5" hidden="1" outlineLevel="1">
      <c r="A1527" s="1" t="s">
        <v>1519</v>
      </c>
      <c r="B1527" s="2">
        <v>1775</v>
      </c>
      <c r="C1527" s="2">
        <v>1595</v>
      </c>
      <c r="D1527" s="2">
        <v>1185</v>
      </c>
      <c r="E1527" s="13">
        <v>9087</v>
      </c>
    </row>
    <row r="1528" spans="1:5" ht="12.75" hidden="1" outlineLevel="1">
      <c r="A1528" s="1" t="s">
        <v>1520</v>
      </c>
      <c r="B1528" s="2">
        <v>4435</v>
      </c>
      <c r="C1528" s="2">
        <v>3990</v>
      </c>
      <c r="D1528" s="2">
        <v>2955</v>
      </c>
      <c r="E1528" s="13">
        <v>7861</v>
      </c>
    </row>
    <row r="1529" spans="1:5" ht="19.5" hidden="1" outlineLevel="1">
      <c r="A1529" s="1" t="s">
        <v>1521</v>
      </c>
      <c r="B1529" s="2">
        <v>1775</v>
      </c>
      <c r="C1529" s="2">
        <v>1595</v>
      </c>
      <c r="D1529" s="2">
        <v>1185</v>
      </c>
      <c r="E1529" s="13">
        <v>9084</v>
      </c>
    </row>
    <row r="1530" spans="1:5" ht="12.75" hidden="1" outlineLevel="1">
      <c r="A1530" s="1" t="s">
        <v>1522</v>
      </c>
      <c r="B1530" s="2">
        <v>1775</v>
      </c>
      <c r="C1530" s="2">
        <v>1595</v>
      </c>
      <c r="D1530" s="2">
        <v>1185</v>
      </c>
      <c r="E1530" s="13">
        <v>10208</v>
      </c>
    </row>
    <row r="1531" spans="1:5" ht="19.5" hidden="1" outlineLevel="1">
      <c r="A1531" s="1" t="s">
        <v>1523</v>
      </c>
      <c r="B1531" s="2">
        <v>2070</v>
      </c>
      <c r="C1531" s="2">
        <v>1865</v>
      </c>
      <c r="D1531" s="2">
        <v>1380</v>
      </c>
      <c r="E1531" s="13">
        <v>9085</v>
      </c>
    </row>
    <row r="1532" spans="1:5" ht="12.75" hidden="1" outlineLevel="1">
      <c r="A1532" s="1" t="s">
        <v>1524</v>
      </c>
      <c r="B1532" s="2">
        <v>2070</v>
      </c>
      <c r="C1532" s="2">
        <v>1865</v>
      </c>
      <c r="D1532" s="2">
        <v>1380</v>
      </c>
      <c r="E1532" s="13">
        <v>9479</v>
      </c>
    </row>
    <row r="1533" spans="1:5" collapsed="1">
      <c r="A1533" s="4" t="s">
        <v>1525</v>
      </c>
      <c r="B1533" s="12"/>
      <c r="C1533" s="12"/>
      <c r="D1533" s="12"/>
      <c r="E1533" s="12"/>
    </row>
    <row r="1534" spans="1:5" ht="12.75" hidden="1" outlineLevel="1">
      <c r="A1534" s="1" t="s">
        <v>1526</v>
      </c>
      <c r="B1534" s="2">
        <v>1535</v>
      </c>
      <c r="C1534" s="2">
        <v>1380</v>
      </c>
      <c r="D1534" s="2">
        <v>1225</v>
      </c>
      <c r="E1534" s="13">
        <v>10183</v>
      </c>
    </row>
    <row r="1535" spans="1:5" ht="12.75" hidden="1" outlineLevel="1">
      <c r="A1535" s="1" t="s">
        <v>1527</v>
      </c>
      <c r="B1535" s="2">
        <v>3575</v>
      </c>
      <c r="C1535" s="2">
        <v>3220</v>
      </c>
      <c r="D1535" s="2">
        <v>2860</v>
      </c>
      <c r="E1535" s="13">
        <v>7343</v>
      </c>
    </row>
    <row r="1536" spans="1:5" ht="12.75" hidden="1" outlineLevel="1">
      <c r="A1536" s="1" t="s">
        <v>1528</v>
      </c>
      <c r="B1536" s="2">
        <v>1850</v>
      </c>
      <c r="C1536" s="2">
        <v>1665</v>
      </c>
      <c r="D1536" s="2">
        <v>1480</v>
      </c>
      <c r="E1536" s="13">
        <v>10101</v>
      </c>
    </row>
    <row r="1537" spans="1:5" ht="12.75" hidden="1" outlineLevel="1">
      <c r="A1537" s="1" t="s">
        <v>1529</v>
      </c>
      <c r="B1537" s="2">
        <v>4700</v>
      </c>
      <c r="C1537" s="2">
        <v>4230</v>
      </c>
      <c r="D1537" s="2">
        <v>3760</v>
      </c>
      <c r="E1537" s="13">
        <v>7344</v>
      </c>
    </row>
    <row r="1538" spans="1:5" ht="12.75" hidden="1" outlineLevel="1">
      <c r="A1538" s="1" t="s">
        <v>1530</v>
      </c>
      <c r="B1538" s="2">
        <v>2525</v>
      </c>
      <c r="C1538" s="2">
        <v>2270</v>
      </c>
      <c r="D1538" s="2">
        <v>2020</v>
      </c>
      <c r="E1538" s="13">
        <v>10192</v>
      </c>
    </row>
    <row r="1539" spans="1:5" ht="12.75" hidden="1" outlineLevel="1">
      <c r="A1539" s="1" t="s">
        <v>1531</v>
      </c>
      <c r="B1539" s="2">
        <v>6925</v>
      </c>
      <c r="C1539" s="2">
        <v>6235</v>
      </c>
      <c r="D1539" s="2">
        <v>5540</v>
      </c>
      <c r="E1539" s="13">
        <v>7345</v>
      </c>
    </row>
    <row r="1540" spans="1:5" ht="12.75" hidden="1" outlineLevel="1">
      <c r="A1540" s="1" t="s">
        <v>1532</v>
      </c>
      <c r="B1540" s="2">
        <v>2625</v>
      </c>
      <c r="C1540" s="2">
        <v>2360</v>
      </c>
      <c r="D1540" s="2">
        <v>2100</v>
      </c>
      <c r="E1540" s="13">
        <v>8612</v>
      </c>
    </row>
    <row r="1541" spans="1:5" ht="12.75" hidden="1" outlineLevel="1">
      <c r="A1541" s="1" t="s">
        <v>1533</v>
      </c>
      <c r="B1541" s="2">
        <v>7075</v>
      </c>
      <c r="C1541" s="2">
        <v>6370</v>
      </c>
      <c r="D1541" s="2">
        <v>5660</v>
      </c>
      <c r="E1541" s="13">
        <v>7346</v>
      </c>
    </row>
    <row r="1542" spans="1:5" ht="12.75" hidden="1" outlineLevel="1">
      <c r="A1542" s="1" t="s">
        <v>1534</v>
      </c>
      <c r="B1542" s="2">
        <v>3315</v>
      </c>
      <c r="C1542" s="2">
        <v>2985</v>
      </c>
      <c r="D1542" s="2">
        <v>2650</v>
      </c>
      <c r="E1542" s="13">
        <v>10100</v>
      </c>
    </row>
    <row r="1543" spans="1:5" ht="12.75" hidden="1" outlineLevel="1">
      <c r="A1543" s="1" t="s">
        <v>1535</v>
      </c>
      <c r="B1543" s="2">
        <v>5640</v>
      </c>
      <c r="C1543" s="2">
        <v>5075</v>
      </c>
      <c r="D1543" s="2">
        <v>4515</v>
      </c>
      <c r="E1543" s="13">
        <v>10091</v>
      </c>
    </row>
    <row r="1544" spans="1:5" ht="12.75" hidden="1" outlineLevel="1">
      <c r="A1544" s="1" t="s">
        <v>1536</v>
      </c>
      <c r="B1544" s="2">
        <v>10520</v>
      </c>
      <c r="C1544" s="2">
        <v>9470</v>
      </c>
      <c r="D1544" s="2">
        <v>8415</v>
      </c>
      <c r="E1544" s="13">
        <v>8180</v>
      </c>
    </row>
    <row r="1545" spans="1:5" ht="12.75" hidden="1" outlineLevel="1">
      <c r="A1545" s="1" t="s">
        <v>1537</v>
      </c>
      <c r="B1545" s="2">
        <v>9400</v>
      </c>
      <c r="C1545" s="2">
        <v>8460</v>
      </c>
      <c r="D1545" s="2">
        <v>7520</v>
      </c>
      <c r="E1545" s="13">
        <v>7347</v>
      </c>
    </row>
    <row r="1546" spans="1:5" ht="12.75" hidden="1" outlineLevel="1">
      <c r="A1546" s="1" t="s">
        <v>1538</v>
      </c>
      <c r="B1546" s="2">
        <v>3515</v>
      </c>
      <c r="C1546" s="2">
        <v>3160</v>
      </c>
      <c r="D1546" s="2">
        <v>2810</v>
      </c>
      <c r="E1546" s="13">
        <v>10090</v>
      </c>
    </row>
    <row r="1547" spans="1:5" ht="12.75" hidden="1" outlineLevel="1">
      <c r="A1547" s="1" t="s">
        <v>1539</v>
      </c>
      <c r="B1547" s="2">
        <v>3710</v>
      </c>
      <c r="C1547" s="2">
        <v>3340</v>
      </c>
      <c r="D1547" s="2">
        <v>2970</v>
      </c>
      <c r="E1547" s="13">
        <v>6314</v>
      </c>
    </row>
    <row r="1548" spans="1:5" ht="12.75" hidden="1" outlineLevel="1">
      <c r="A1548" s="1" t="s">
        <v>1540</v>
      </c>
      <c r="B1548" s="2">
        <v>17810</v>
      </c>
      <c r="C1548" s="2">
        <v>16030</v>
      </c>
      <c r="D1548" s="2">
        <v>14250</v>
      </c>
      <c r="E1548" s="13">
        <v>10113</v>
      </c>
    </row>
    <row r="1549" spans="1:5" ht="12.75" hidden="1" outlineLevel="1">
      <c r="A1549" s="1" t="s">
        <v>1541</v>
      </c>
      <c r="B1549" s="2">
        <v>7620</v>
      </c>
      <c r="C1549" s="2">
        <v>6860</v>
      </c>
      <c r="D1549" s="2">
        <v>6095</v>
      </c>
      <c r="E1549" s="13">
        <v>10097</v>
      </c>
    </row>
    <row r="1550" spans="1:5" ht="19.5" hidden="1" outlineLevel="1">
      <c r="A1550" s="1" t="s">
        <v>1542</v>
      </c>
      <c r="B1550" s="2">
        <v>6780</v>
      </c>
      <c r="C1550" s="2">
        <v>6100</v>
      </c>
      <c r="D1550" s="2">
        <v>5425</v>
      </c>
      <c r="E1550" s="13">
        <v>6102</v>
      </c>
    </row>
    <row r="1551" spans="1:5" ht="19.5" hidden="1" outlineLevel="1">
      <c r="A1551" s="1" t="s">
        <v>1543</v>
      </c>
      <c r="B1551" s="2">
        <v>9255</v>
      </c>
      <c r="C1551" s="2">
        <v>8330</v>
      </c>
      <c r="D1551" s="2">
        <v>7400</v>
      </c>
      <c r="E1551" s="13">
        <v>6103</v>
      </c>
    </row>
    <row r="1552" spans="1:5" ht="19.5" hidden="1" outlineLevel="1">
      <c r="A1552" s="1" t="s">
        <v>1544</v>
      </c>
      <c r="B1552" s="2">
        <v>10640</v>
      </c>
      <c r="C1552" s="2">
        <v>9575</v>
      </c>
      <c r="D1552" s="2">
        <v>8510</v>
      </c>
      <c r="E1552" s="13">
        <v>7595</v>
      </c>
    </row>
    <row r="1553" spans="1:5" ht="12.75" hidden="1" outlineLevel="1">
      <c r="A1553" s="1" t="s">
        <v>1545</v>
      </c>
      <c r="B1553" s="2">
        <v>13080</v>
      </c>
      <c r="C1553" s="2">
        <v>11770</v>
      </c>
      <c r="D1553" s="2">
        <v>10470</v>
      </c>
      <c r="E1553" s="13">
        <v>7594</v>
      </c>
    </row>
    <row r="1554" spans="1:5" ht="12.75" hidden="1" outlineLevel="1">
      <c r="A1554" s="1" t="s">
        <v>1546</v>
      </c>
      <c r="B1554" s="2">
        <v>7420</v>
      </c>
      <c r="C1554" s="2">
        <v>6680</v>
      </c>
      <c r="D1554" s="2">
        <v>5940</v>
      </c>
      <c r="E1554" s="13">
        <v>7205</v>
      </c>
    </row>
    <row r="1555" spans="1:5" ht="12.75" hidden="1" outlineLevel="1">
      <c r="A1555" s="1" t="s">
        <v>1547</v>
      </c>
      <c r="B1555" s="2">
        <v>9500</v>
      </c>
      <c r="C1555" s="2">
        <v>8550</v>
      </c>
      <c r="D1555" s="2">
        <v>7600</v>
      </c>
      <c r="E1555" s="13">
        <v>7555</v>
      </c>
    </row>
    <row r="1556" spans="1:5" ht="12.75" hidden="1" outlineLevel="1">
      <c r="A1556" s="1" t="s">
        <v>1548</v>
      </c>
      <c r="B1556" s="2">
        <v>11280</v>
      </c>
      <c r="C1556" s="2">
        <v>10150</v>
      </c>
      <c r="D1556" s="2">
        <v>9025</v>
      </c>
      <c r="E1556" s="13">
        <v>8175</v>
      </c>
    </row>
    <row r="1557" spans="1:5" ht="12.75" hidden="1" outlineLevel="1">
      <c r="A1557" s="1" t="s">
        <v>1549</v>
      </c>
      <c r="B1557" s="2">
        <v>7870</v>
      </c>
      <c r="C1557" s="2">
        <v>7085</v>
      </c>
      <c r="D1557" s="2">
        <v>6300</v>
      </c>
      <c r="E1557" s="13">
        <v>10096</v>
      </c>
    </row>
    <row r="1558" spans="1:5" ht="12.75" hidden="1" outlineLevel="1">
      <c r="A1558" s="1" t="s">
        <v>1550</v>
      </c>
      <c r="B1558" s="2">
        <v>13210</v>
      </c>
      <c r="C1558" s="2">
        <v>11890</v>
      </c>
      <c r="D1558" s="2">
        <v>10570</v>
      </c>
      <c r="E1558" s="13">
        <v>9723</v>
      </c>
    </row>
    <row r="1559" spans="1:5" ht="12.75" hidden="1" outlineLevel="1">
      <c r="A1559" s="1" t="s">
        <v>1551</v>
      </c>
      <c r="B1559" s="2">
        <v>12830</v>
      </c>
      <c r="C1559" s="2">
        <v>11540</v>
      </c>
      <c r="D1559" s="2">
        <v>10260</v>
      </c>
      <c r="E1559" s="13">
        <v>7481</v>
      </c>
    </row>
    <row r="1560" spans="1:5" ht="12.75" hidden="1" outlineLevel="1">
      <c r="A1560" s="1" t="s">
        <v>1552</v>
      </c>
      <c r="B1560" s="2">
        <v>17810</v>
      </c>
      <c r="C1560" s="2">
        <v>16030</v>
      </c>
      <c r="D1560" s="2">
        <v>14250</v>
      </c>
      <c r="E1560" s="13">
        <v>7562</v>
      </c>
    </row>
    <row r="1561" spans="1:5" ht="12.75" hidden="1" outlineLevel="1">
      <c r="A1561" s="1" t="s">
        <v>1553</v>
      </c>
      <c r="B1561" s="2">
        <v>22470</v>
      </c>
      <c r="C1561" s="2">
        <v>20220</v>
      </c>
      <c r="D1561" s="2">
        <v>17980</v>
      </c>
      <c r="E1561" s="13">
        <v>7563</v>
      </c>
    </row>
    <row r="1562" spans="1:5" ht="12.75" hidden="1" outlineLevel="1">
      <c r="A1562" s="1" t="s">
        <v>1554</v>
      </c>
      <c r="B1562" s="2">
        <v>28200</v>
      </c>
      <c r="C1562" s="2">
        <v>25380</v>
      </c>
      <c r="D1562" s="2">
        <v>22560</v>
      </c>
      <c r="E1562" s="13">
        <v>9592</v>
      </c>
    </row>
    <row r="1563" spans="1:5" ht="12.75" hidden="1" outlineLevel="1">
      <c r="A1563" s="1" t="s">
        <v>1555</v>
      </c>
      <c r="B1563" s="2">
        <v>25120</v>
      </c>
      <c r="C1563" s="2">
        <v>22610</v>
      </c>
      <c r="D1563" s="2">
        <v>20100</v>
      </c>
      <c r="E1563" s="13">
        <v>10237</v>
      </c>
    </row>
    <row r="1564" spans="1:5" ht="12.75" hidden="1" outlineLevel="1">
      <c r="A1564" s="1" t="s">
        <v>1556</v>
      </c>
      <c r="B1564" s="2">
        <v>29290</v>
      </c>
      <c r="C1564" s="2">
        <v>26360</v>
      </c>
      <c r="D1564" s="2">
        <v>23430</v>
      </c>
      <c r="E1564" s="13">
        <v>10238</v>
      </c>
    </row>
    <row r="1565" spans="1:5" ht="12.75" hidden="1" outlineLevel="1">
      <c r="A1565" s="1" t="s">
        <v>1557</v>
      </c>
      <c r="B1565" s="2">
        <v>9600</v>
      </c>
      <c r="C1565" s="2">
        <v>8640</v>
      </c>
      <c r="D1565" s="2">
        <v>7680</v>
      </c>
      <c r="E1565" s="13">
        <v>7093</v>
      </c>
    </row>
    <row r="1566" spans="1:5" ht="12.75" hidden="1" outlineLevel="1">
      <c r="A1566" s="1" t="s">
        <v>1558</v>
      </c>
      <c r="B1566" s="2">
        <v>13610</v>
      </c>
      <c r="C1566" s="2">
        <v>12250</v>
      </c>
      <c r="D1566" s="2">
        <v>10890</v>
      </c>
      <c r="E1566" s="13">
        <v>8176</v>
      </c>
    </row>
    <row r="1567" spans="1:5" ht="12.75" hidden="1" outlineLevel="1">
      <c r="A1567" s="1" t="s">
        <v>1559</v>
      </c>
      <c r="B1567" s="2">
        <v>15190</v>
      </c>
      <c r="C1567" s="2">
        <v>13670</v>
      </c>
      <c r="D1567" s="2">
        <v>12150</v>
      </c>
      <c r="E1567" s="13">
        <v>9724</v>
      </c>
    </row>
    <row r="1568" spans="1:5" ht="12.75" hidden="1" outlineLevel="1">
      <c r="A1568" s="1" t="s">
        <v>1560</v>
      </c>
      <c r="B1568" s="2">
        <v>28500</v>
      </c>
      <c r="C1568" s="2">
        <v>25650</v>
      </c>
      <c r="D1568" s="2">
        <v>22800</v>
      </c>
      <c r="E1568" s="13">
        <v>7597</v>
      </c>
    </row>
    <row r="1569" spans="1:5" ht="12.75" hidden="1" outlineLevel="1">
      <c r="A1569" s="1" t="s">
        <v>1561</v>
      </c>
      <c r="B1569" s="2">
        <v>20530</v>
      </c>
      <c r="C1569" s="2">
        <v>18480</v>
      </c>
      <c r="D1569" s="2">
        <v>16430</v>
      </c>
      <c r="E1569" s="13">
        <v>6252</v>
      </c>
    </row>
    <row r="1570" spans="1:5" ht="12.75" hidden="1" outlineLevel="1">
      <c r="A1570" s="1" t="s">
        <v>1562</v>
      </c>
      <c r="B1570" s="2">
        <v>24440</v>
      </c>
      <c r="C1570" s="2">
        <v>22000</v>
      </c>
      <c r="D1570" s="2">
        <v>19550</v>
      </c>
      <c r="E1570" s="13">
        <v>9682</v>
      </c>
    </row>
    <row r="1571" spans="1:5" ht="12.75" hidden="1" outlineLevel="1">
      <c r="A1571" s="1" t="s">
        <v>1563</v>
      </c>
      <c r="B1571" s="2">
        <v>31670</v>
      </c>
      <c r="C1571" s="2">
        <v>28500</v>
      </c>
      <c r="D1571" s="2">
        <v>25330</v>
      </c>
      <c r="E1571" s="13">
        <v>8184</v>
      </c>
    </row>
    <row r="1572" spans="1:5" ht="12.75" hidden="1" outlineLevel="1">
      <c r="A1572" s="1" t="s">
        <v>1564</v>
      </c>
      <c r="B1572" s="2">
        <v>28800</v>
      </c>
      <c r="C1572" s="2">
        <v>25920</v>
      </c>
      <c r="D1572" s="2">
        <v>23040</v>
      </c>
      <c r="E1572" s="13">
        <v>9804</v>
      </c>
    </row>
    <row r="1573" spans="1:5" ht="12.75" hidden="1" outlineLevel="1">
      <c r="A1573" s="1" t="s">
        <v>1565</v>
      </c>
      <c r="B1573" s="2">
        <v>33600</v>
      </c>
      <c r="C1573" s="2">
        <v>30240</v>
      </c>
      <c r="D1573" s="2">
        <v>26880</v>
      </c>
      <c r="E1573" s="13">
        <v>10245</v>
      </c>
    </row>
    <row r="1574" spans="1:5" ht="12.75" hidden="1" outlineLevel="1">
      <c r="A1574" s="1" t="s">
        <v>1566</v>
      </c>
      <c r="B1574" s="2">
        <v>74220</v>
      </c>
      <c r="C1574" s="2">
        <v>66800</v>
      </c>
      <c r="D1574" s="2">
        <v>59380</v>
      </c>
      <c r="E1574" s="13">
        <v>9683</v>
      </c>
    </row>
    <row r="1575" spans="1:5" ht="19.5" hidden="1" outlineLevel="1">
      <c r="A1575" s="1" t="s">
        <v>1567</v>
      </c>
      <c r="B1575" s="2">
        <v>89070</v>
      </c>
      <c r="C1575" s="2">
        <v>80160</v>
      </c>
      <c r="D1575" s="2">
        <v>71250</v>
      </c>
      <c r="E1575" s="13">
        <v>7564</v>
      </c>
    </row>
    <row r="1576" spans="1:5" ht="12.75" hidden="1" outlineLevel="1">
      <c r="A1576" s="1" t="s">
        <v>1568</v>
      </c>
      <c r="B1576" s="2">
        <v>18110</v>
      </c>
      <c r="C1576" s="2">
        <v>16300</v>
      </c>
      <c r="D1576" s="2">
        <v>14490</v>
      </c>
      <c r="E1576" s="13">
        <v>4615</v>
      </c>
    </row>
    <row r="1577" spans="1:5" ht="12.75" hidden="1" outlineLevel="1">
      <c r="A1577" s="1" t="s">
        <v>1569</v>
      </c>
      <c r="B1577" s="2">
        <v>23260</v>
      </c>
      <c r="C1577" s="2">
        <v>20930</v>
      </c>
      <c r="D1577" s="2">
        <v>18600</v>
      </c>
      <c r="E1577" s="13">
        <v>6631</v>
      </c>
    </row>
    <row r="1578" spans="1:5" ht="12.75" hidden="1" outlineLevel="1">
      <c r="A1578" s="1" t="s">
        <v>1570</v>
      </c>
      <c r="B1578" s="2">
        <v>14000</v>
      </c>
      <c r="C1578" s="2">
        <v>12600</v>
      </c>
      <c r="D1578" s="2">
        <v>11200</v>
      </c>
      <c r="E1578" s="13">
        <v>8359</v>
      </c>
    </row>
    <row r="1579" spans="1:5" ht="12.75" hidden="1" outlineLevel="1">
      <c r="A1579" s="1" t="s">
        <v>1571</v>
      </c>
      <c r="B1579" s="2">
        <v>15990</v>
      </c>
      <c r="C1579" s="2">
        <v>14390</v>
      </c>
      <c r="D1579" s="2">
        <v>12790</v>
      </c>
      <c r="E1579" s="13">
        <v>8347</v>
      </c>
    </row>
    <row r="1580" spans="1:5" ht="12.75" hidden="1" outlineLevel="1">
      <c r="A1580" s="1" t="s">
        <v>1572</v>
      </c>
      <c r="B1580" s="2">
        <v>356</v>
      </c>
      <c r="C1580" s="2">
        <v>321</v>
      </c>
      <c r="D1580" s="2">
        <v>285</v>
      </c>
      <c r="E1580" s="13">
        <v>8702</v>
      </c>
    </row>
    <row r="1581" spans="1:5" collapsed="1">
      <c r="A1581" s="4" t="s">
        <v>1573</v>
      </c>
      <c r="B1581" s="12"/>
      <c r="C1581" s="12"/>
      <c r="D1581" s="12"/>
      <c r="E1581" s="12"/>
    </row>
    <row r="1582" spans="1:5" ht="12.75" hidden="1" outlineLevel="1">
      <c r="A1582" s="1" t="s">
        <v>1574</v>
      </c>
      <c r="B1582" s="2">
        <v>278.39999999999998</v>
      </c>
      <c r="C1582" s="2">
        <v>257.2</v>
      </c>
      <c r="D1582" s="2">
        <v>235.9</v>
      </c>
      <c r="E1582" s="13">
        <v>9329</v>
      </c>
    </row>
    <row r="1583" spans="1:5" ht="12.75" hidden="1" outlineLevel="1">
      <c r="A1583" s="1" t="s">
        <v>1575</v>
      </c>
      <c r="B1583" s="2">
        <v>588</v>
      </c>
      <c r="C1583" s="2">
        <v>543</v>
      </c>
      <c r="D1583" s="2">
        <v>498</v>
      </c>
      <c r="E1583" s="13">
        <v>1165</v>
      </c>
    </row>
    <row r="1584" spans="1:5" ht="12.75" hidden="1" outlineLevel="1">
      <c r="A1584" s="1" t="s">
        <v>1576</v>
      </c>
      <c r="B1584" s="2">
        <v>543</v>
      </c>
      <c r="C1584" s="2">
        <v>501</v>
      </c>
      <c r="D1584" s="2">
        <v>460</v>
      </c>
      <c r="E1584" s="13">
        <v>4516</v>
      </c>
    </row>
    <row r="1585" spans="1:5" collapsed="1">
      <c r="A1585" s="4" t="s">
        <v>1577</v>
      </c>
      <c r="B1585" s="12"/>
      <c r="C1585" s="12"/>
      <c r="D1585" s="12"/>
      <c r="E1585" s="12"/>
    </row>
    <row r="1586" spans="1:5" ht="12.75" hidden="1" outlineLevel="1">
      <c r="A1586" s="1" t="s">
        <v>1578</v>
      </c>
      <c r="B1586" s="2">
        <v>1430</v>
      </c>
      <c r="C1586" s="2">
        <v>1375</v>
      </c>
      <c r="D1586" s="2">
        <v>1320</v>
      </c>
      <c r="E1586" s="13">
        <v>3048</v>
      </c>
    </row>
    <row r="1587" spans="1:5" collapsed="1">
      <c r="A1587" s="4" t="s">
        <v>1579</v>
      </c>
      <c r="B1587" s="12"/>
      <c r="C1587" s="12"/>
      <c r="D1587" s="12"/>
      <c r="E1587" s="12"/>
    </row>
    <row r="1588" spans="1:5" ht="19.5" hidden="1" outlineLevel="1">
      <c r="A1588" s="1" t="s">
        <v>1580</v>
      </c>
      <c r="B1588" s="2">
        <v>2145</v>
      </c>
      <c r="C1588" s="2">
        <v>1930</v>
      </c>
      <c r="D1588" s="2">
        <v>1715</v>
      </c>
      <c r="E1588" s="13">
        <v>7073</v>
      </c>
    </row>
    <row r="1589" spans="1:5" ht="19.5" hidden="1" outlineLevel="1">
      <c r="A1589" s="1" t="s">
        <v>1581</v>
      </c>
      <c r="B1589" s="2">
        <v>2250</v>
      </c>
      <c r="C1589" s="2">
        <v>2025</v>
      </c>
      <c r="D1589" s="2">
        <v>1800</v>
      </c>
      <c r="E1589" s="13">
        <v>7072</v>
      </c>
    </row>
    <row r="1590" spans="1:5" ht="12.75" hidden="1" outlineLevel="1">
      <c r="A1590" s="1" t="s">
        <v>1582</v>
      </c>
      <c r="B1590" s="2">
        <v>7510</v>
      </c>
      <c r="C1590" s="2">
        <v>6755</v>
      </c>
      <c r="D1590" s="2">
        <v>6005</v>
      </c>
      <c r="E1590" s="13">
        <v>6941</v>
      </c>
    </row>
    <row r="1591" spans="1:5" ht="12.75" hidden="1" outlineLevel="1">
      <c r="A1591" s="1" t="s">
        <v>1583</v>
      </c>
      <c r="B1591" s="2">
        <v>6435</v>
      </c>
      <c r="C1591" s="2">
        <v>5790</v>
      </c>
      <c r="D1591" s="2">
        <v>5150</v>
      </c>
      <c r="E1591" s="13">
        <v>6940</v>
      </c>
    </row>
    <row r="1592" spans="1:5" ht="12.75" hidden="1" outlineLevel="1">
      <c r="A1592" s="1" t="s">
        <v>1584</v>
      </c>
      <c r="B1592" s="2">
        <v>4640</v>
      </c>
      <c r="C1592" s="2">
        <v>4175</v>
      </c>
      <c r="D1592" s="2">
        <v>3710</v>
      </c>
      <c r="E1592" s="13">
        <v>9688</v>
      </c>
    </row>
    <row r="1593" spans="1:5" ht="12.75" hidden="1" outlineLevel="1">
      <c r="A1593" s="1" t="s">
        <v>1585</v>
      </c>
      <c r="B1593" s="2">
        <v>10730</v>
      </c>
      <c r="C1593" s="2">
        <v>9655</v>
      </c>
      <c r="D1593" s="2">
        <v>8580</v>
      </c>
      <c r="E1593" s="13">
        <v>6957</v>
      </c>
    </row>
    <row r="1594" spans="1:5" ht="12.75" hidden="1" outlineLevel="1">
      <c r="A1594" s="1" t="s">
        <v>1586</v>
      </c>
      <c r="B1594" s="2">
        <v>8580</v>
      </c>
      <c r="C1594" s="2">
        <v>7720</v>
      </c>
      <c r="D1594" s="2">
        <v>6865</v>
      </c>
      <c r="E1594" s="13">
        <v>6936</v>
      </c>
    </row>
    <row r="1595" spans="1:5" ht="12.75" hidden="1" outlineLevel="1">
      <c r="A1595" s="1" t="s">
        <v>1587</v>
      </c>
      <c r="B1595" s="2">
        <v>8045</v>
      </c>
      <c r="C1595" s="2">
        <v>7240</v>
      </c>
      <c r="D1595" s="2">
        <v>6435</v>
      </c>
      <c r="E1595" s="13">
        <v>6937</v>
      </c>
    </row>
    <row r="1596" spans="1:5" ht="12.75" hidden="1" outlineLevel="1">
      <c r="A1596" s="1" t="s">
        <v>1588</v>
      </c>
      <c r="B1596" s="2">
        <v>3220</v>
      </c>
      <c r="C1596" s="2">
        <v>2895</v>
      </c>
      <c r="D1596" s="2">
        <v>2575</v>
      </c>
      <c r="E1596" s="13">
        <v>7448</v>
      </c>
    </row>
    <row r="1597" spans="1:5" ht="12.75" hidden="1" outlineLevel="1">
      <c r="A1597" s="1" t="s">
        <v>1589</v>
      </c>
      <c r="B1597" s="2">
        <v>2345</v>
      </c>
      <c r="C1597" s="2">
        <v>2110</v>
      </c>
      <c r="D1597" s="2">
        <v>1875</v>
      </c>
      <c r="E1597" s="13">
        <v>6947</v>
      </c>
    </row>
    <row r="1598" spans="1:5" ht="12.75" hidden="1" outlineLevel="1">
      <c r="A1598" s="1" t="s">
        <v>1590</v>
      </c>
      <c r="B1598" s="2">
        <v>2580</v>
      </c>
      <c r="C1598" s="2">
        <v>2320</v>
      </c>
      <c r="D1598" s="2">
        <v>2065</v>
      </c>
      <c r="E1598" s="13">
        <v>6945</v>
      </c>
    </row>
    <row r="1599" spans="1:5" ht="12.75" hidden="1" outlineLevel="1">
      <c r="A1599" s="1" t="s">
        <v>1591</v>
      </c>
      <c r="B1599" s="2">
        <v>2695</v>
      </c>
      <c r="C1599" s="2">
        <v>2430</v>
      </c>
      <c r="D1599" s="2">
        <v>2160</v>
      </c>
      <c r="E1599" s="13">
        <v>6939</v>
      </c>
    </row>
    <row r="1600" spans="1:5" ht="12.75" hidden="1" outlineLevel="1">
      <c r="A1600" s="1" t="s">
        <v>1592</v>
      </c>
      <c r="B1600" s="2">
        <v>2190</v>
      </c>
      <c r="C1600" s="2">
        <v>1970</v>
      </c>
      <c r="D1600" s="2">
        <v>1750</v>
      </c>
      <c r="E1600" s="13">
        <v>6946</v>
      </c>
    </row>
    <row r="1601" spans="1:5" ht="12.75" hidden="1" outlineLevel="1">
      <c r="A1601" s="1" t="s">
        <v>1593</v>
      </c>
      <c r="B1601" s="2">
        <v>2520</v>
      </c>
      <c r="C1601" s="2">
        <v>2270</v>
      </c>
      <c r="D1601" s="2">
        <v>2015</v>
      </c>
      <c r="E1601" s="13">
        <v>6951</v>
      </c>
    </row>
    <row r="1602" spans="1:5" ht="12.75" hidden="1" outlineLevel="1">
      <c r="A1602" s="1" t="s">
        <v>1594</v>
      </c>
      <c r="B1602" s="2">
        <v>3045</v>
      </c>
      <c r="C1602" s="2">
        <v>2740</v>
      </c>
      <c r="D1602" s="2">
        <v>2435</v>
      </c>
      <c r="E1602" s="13">
        <v>6943</v>
      </c>
    </row>
    <row r="1603" spans="1:5" ht="12.75" hidden="1" outlineLevel="1">
      <c r="A1603" s="1" t="s">
        <v>1595</v>
      </c>
      <c r="B1603" s="2">
        <v>3045</v>
      </c>
      <c r="C1603" s="2">
        <v>2740</v>
      </c>
      <c r="D1603" s="2">
        <v>2435</v>
      </c>
      <c r="E1603" s="13">
        <v>6944</v>
      </c>
    </row>
    <row r="1604" spans="1:5" ht="12.75" hidden="1" outlineLevel="1">
      <c r="A1604" s="1" t="s">
        <v>1596</v>
      </c>
      <c r="B1604" s="2">
        <v>1920</v>
      </c>
      <c r="C1604" s="2">
        <v>1730</v>
      </c>
      <c r="D1604" s="2">
        <v>1535</v>
      </c>
      <c r="E1604" s="13">
        <v>7071</v>
      </c>
    </row>
    <row r="1605" spans="1:5" collapsed="1">
      <c r="A1605" s="4" t="s">
        <v>1597</v>
      </c>
      <c r="B1605" s="12"/>
      <c r="C1605" s="12"/>
      <c r="D1605" s="12"/>
      <c r="E1605" s="12"/>
    </row>
    <row r="1606" spans="1:5" ht="12.75" hidden="1" outlineLevel="1">
      <c r="A1606" s="1" t="s">
        <v>1598</v>
      </c>
      <c r="B1606" s="2">
        <v>2275</v>
      </c>
      <c r="C1606" s="2">
        <v>2100</v>
      </c>
      <c r="D1606" s="2">
        <v>1980</v>
      </c>
      <c r="E1606" s="13">
        <v>3033</v>
      </c>
    </row>
    <row r="1607" spans="1:5" ht="12.75" hidden="1" outlineLevel="1">
      <c r="A1607" s="1" t="s">
        <v>1599</v>
      </c>
      <c r="B1607" s="2">
        <v>2050</v>
      </c>
      <c r="C1607" s="2">
        <v>1890</v>
      </c>
      <c r="D1607" s="2">
        <v>1780</v>
      </c>
      <c r="E1607" s="13">
        <v>8208</v>
      </c>
    </row>
    <row r="1608" spans="1:5" ht="19.5" hidden="1" outlineLevel="1">
      <c r="A1608" s="1" t="s">
        <v>1600</v>
      </c>
      <c r="B1608" s="2">
        <v>1140</v>
      </c>
      <c r="C1608" s="2">
        <v>1050</v>
      </c>
      <c r="D1608" s="2">
        <v>990</v>
      </c>
      <c r="E1608" s="13">
        <v>8562</v>
      </c>
    </row>
    <row r="1609" spans="1:5" ht="12.75" hidden="1" outlineLevel="1">
      <c r="A1609" s="1" t="s">
        <v>1601</v>
      </c>
      <c r="B1609" s="2">
        <v>683</v>
      </c>
      <c r="C1609" s="2">
        <v>629</v>
      </c>
      <c r="D1609" s="2">
        <v>594</v>
      </c>
      <c r="E1609" s="13">
        <v>8561</v>
      </c>
    </row>
    <row r="1610" spans="1:5" ht="12.75" hidden="1" outlineLevel="1">
      <c r="A1610" s="1" t="s">
        <v>1602</v>
      </c>
      <c r="B1610" s="2">
        <v>455</v>
      </c>
      <c r="C1610" s="2">
        <v>420</v>
      </c>
      <c r="D1610" s="2">
        <v>396</v>
      </c>
      <c r="E1610" s="13">
        <v>8335</v>
      </c>
    </row>
    <row r="1611" spans="1:5" ht="12.75" hidden="1" outlineLevel="1">
      <c r="A1611" s="1" t="s">
        <v>1603</v>
      </c>
      <c r="B1611" s="2">
        <v>455</v>
      </c>
      <c r="C1611" s="2">
        <v>420</v>
      </c>
      <c r="D1611" s="2">
        <v>396</v>
      </c>
      <c r="E1611" s="13">
        <v>8454</v>
      </c>
    </row>
    <row r="1612" spans="1:5" ht="12.75" hidden="1" outlineLevel="1">
      <c r="A1612" s="1" t="s">
        <v>1604</v>
      </c>
      <c r="B1612" s="2">
        <v>1455</v>
      </c>
      <c r="C1612" s="2">
        <v>1345</v>
      </c>
      <c r="D1612" s="2">
        <v>1265</v>
      </c>
      <c r="E1612" s="13">
        <v>7776</v>
      </c>
    </row>
    <row r="1613" spans="1:5" ht="12.75" hidden="1" outlineLevel="1">
      <c r="A1613" s="1" t="s">
        <v>1605</v>
      </c>
      <c r="B1613" s="2">
        <v>4325</v>
      </c>
      <c r="C1613" s="2">
        <v>3985</v>
      </c>
      <c r="D1613" s="2">
        <v>3760</v>
      </c>
      <c r="E1613" s="13">
        <v>8559</v>
      </c>
    </row>
    <row r="1614" spans="1:5" ht="19.5" hidden="1" outlineLevel="1">
      <c r="A1614" s="1" t="s">
        <v>1606</v>
      </c>
      <c r="B1614" s="2">
        <v>1185</v>
      </c>
      <c r="C1614" s="2">
        <v>1090</v>
      </c>
      <c r="D1614" s="2">
        <v>1030</v>
      </c>
      <c r="E1614" s="13">
        <v>8414</v>
      </c>
    </row>
    <row r="1615" spans="1:5" ht="19.5" hidden="1" outlineLevel="1">
      <c r="A1615" s="1" t="s">
        <v>1607</v>
      </c>
      <c r="B1615" s="2">
        <v>1365</v>
      </c>
      <c r="C1615" s="2">
        <v>1260</v>
      </c>
      <c r="D1615" s="2">
        <v>1190</v>
      </c>
      <c r="E1615" s="13">
        <v>8556</v>
      </c>
    </row>
    <row r="1616" spans="1:5" ht="19.5" hidden="1" outlineLevel="1">
      <c r="A1616" s="1" t="s">
        <v>1608</v>
      </c>
      <c r="B1616" s="2">
        <v>1230</v>
      </c>
      <c r="C1616" s="2">
        <v>1135</v>
      </c>
      <c r="D1616" s="2">
        <v>1070</v>
      </c>
      <c r="E1616" s="13">
        <v>8415</v>
      </c>
    </row>
    <row r="1617" spans="1:5" ht="19.5" hidden="1" outlineLevel="1">
      <c r="A1617" s="1" t="s">
        <v>1609</v>
      </c>
      <c r="B1617" s="2">
        <v>1455</v>
      </c>
      <c r="C1617" s="2">
        <v>1345</v>
      </c>
      <c r="D1617" s="2">
        <v>1265</v>
      </c>
      <c r="E1617" s="13">
        <v>8557</v>
      </c>
    </row>
    <row r="1618" spans="1:5" ht="12.75" hidden="1" outlineLevel="1">
      <c r="A1618" s="1" t="s">
        <v>1610</v>
      </c>
      <c r="B1618" s="2">
        <v>592</v>
      </c>
      <c r="C1618" s="2">
        <v>546</v>
      </c>
      <c r="D1618" s="2">
        <v>515</v>
      </c>
      <c r="E1618" s="13">
        <v>8157</v>
      </c>
    </row>
    <row r="1619" spans="1:5" ht="12.75" hidden="1" outlineLevel="1">
      <c r="A1619" s="1" t="s">
        <v>1611</v>
      </c>
      <c r="B1619" s="2">
        <v>182.1</v>
      </c>
      <c r="C1619" s="2">
        <v>167.8</v>
      </c>
      <c r="D1619" s="2">
        <v>158.30000000000001</v>
      </c>
      <c r="E1619" s="13">
        <v>8148</v>
      </c>
    </row>
    <row r="1620" spans="1:5" ht="12.75" hidden="1" outlineLevel="1">
      <c r="A1620" s="1" t="s">
        <v>1612</v>
      </c>
      <c r="B1620" s="2">
        <v>683</v>
      </c>
      <c r="C1620" s="2">
        <v>629</v>
      </c>
      <c r="D1620" s="2">
        <v>594</v>
      </c>
      <c r="E1620" s="13">
        <v>7777</v>
      </c>
    </row>
    <row r="1621" spans="1:5" ht="12.75" hidden="1" outlineLevel="1">
      <c r="A1621" s="1" t="s">
        <v>1613</v>
      </c>
      <c r="B1621" s="2">
        <v>569</v>
      </c>
      <c r="C1621" s="2">
        <v>525</v>
      </c>
      <c r="D1621" s="2">
        <v>495</v>
      </c>
      <c r="E1621" s="13">
        <v>7778</v>
      </c>
    </row>
    <row r="1622" spans="1:5" ht="12.75" hidden="1" outlineLevel="1">
      <c r="A1622" s="1" t="s">
        <v>1614</v>
      </c>
      <c r="B1622" s="2">
        <v>1365</v>
      </c>
      <c r="C1622" s="2">
        <v>1260</v>
      </c>
      <c r="D1622" s="2">
        <v>1190</v>
      </c>
      <c r="E1622" s="13">
        <v>8452</v>
      </c>
    </row>
    <row r="1623" spans="1:5" ht="19.5" hidden="1" outlineLevel="1">
      <c r="A1623" s="1" t="s">
        <v>1615</v>
      </c>
      <c r="B1623" s="2">
        <v>1595</v>
      </c>
      <c r="C1623" s="2">
        <v>1470</v>
      </c>
      <c r="D1623" s="2">
        <v>1385</v>
      </c>
      <c r="E1623" s="13">
        <v>8217</v>
      </c>
    </row>
    <row r="1624" spans="1:5" ht="12.75" hidden="1" outlineLevel="1">
      <c r="A1624" s="1" t="s">
        <v>1616</v>
      </c>
      <c r="B1624" s="2">
        <v>1140</v>
      </c>
      <c r="C1624" s="2">
        <v>1050</v>
      </c>
      <c r="D1624" s="2">
        <v>990</v>
      </c>
      <c r="E1624" s="13">
        <v>8234</v>
      </c>
    </row>
    <row r="1625" spans="1:5" ht="12.75" hidden="1" outlineLevel="1">
      <c r="A1625" s="1" t="s">
        <v>1617</v>
      </c>
      <c r="B1625" s="2">
        <v>1140</v>
      </c>
      <c r="C1625" s="2">
        <v>1050</v>
      </c>
      <c r="D1625" s="2">
        <v>990</v>
      </c>
      <c r="E1625" s="13">
        <v>8188</v>
      </c>
    </row>
    <row r="1626" spans="1:5" ht="19.5" hidden="1" outlineLevel="1">
      <c r="A1626" s="1" t="s">
        <v>1618</v>
      </c>
      <c r="B1626" s="2">
        <v>2730</v>
      </c>
      <c r="C1626" s="2">
        <v>2520</v>
      </c>
      <c r="D1626" s="2">
        <v>2375</v>
      </c>
      <c r="E1626" s="13">
        <v>8235</v>
      </c>
    </row>
    <row r="1627" spans="1:5" ht="19.5" hidden="1" outlineLevel="1">
      <c r="A1627" s="1" t="s">
        <v>1619</v>
      </c>
      <c r="B1627" s="2">
        <v>1365</v>
      </c>
      <c r="C1627" s="2">
        <v>1260</v>
      </c>
      <c r="D1627" s="2">
        <v>1190</v>
      </c>
      <c r="E1627" s="13">
        <v>4345</v>
      </c>
    </row>
    <row r="1628" spans="1:5" ht="19.5" hidden="1" outlineLevel="1">
      <c r="A1628" s="1" t="s">
        <v>1620</v>
      </c>
      <c r="B1628" s="2">
        <v>1140</v>
      </c>
      <c r="C1628" s="2">
        <v>1050</v>
      </c>
      <c r="D1628" s="2">
        <v>990</v>
      </c>
      <c r="E1628" s="13">
        <v>8567</v>
      </c>
    </row>
    <row r="1629" spans="1:5" ht="19.5" hidden="1" outlineLevel="1">
      <c r="A1629" s="1" t="s">
        <v>1621</v>
      </c>
      <c r="B1629" s="2">
        <v>683</v>
      </c>
      <c r="C1629" s="2">
        <v>629</v>
      </c>
      <c r="D1629" s="2">
        <v>594</v>
      </c>
      <c r="E1629" s="13">
        <v>8565</v>
      </c>
    </row>
    <row r="1630" spans="1:5" ht="12.75" hidden="1" outlineLevel="1">
      <c r="A1630" s="1" t="s">
        <v>1622</v>
      </c>
      <c r="B1630" s="2">
        <v>1365</v>
      </c>
      <c r="C1630" s="2">
        <v>1260</v>
      </c>
      <c r="D1630" s="2">
        <v>1190</v>
      </c>
      <c r="E1630" s="13">
        <v>8416</v>
      </c>
    </row>
    <row r="1631" spans="1:5" ht="12.75" hidden="1" outlineLevel="1">
      <c r="A1631" s="1" t="s">
        <v>1623</v>
      </c>
      <c r="B1631" s="2">
        <v>1820</v>
      </c>
      <c r="C1631" s="2">
        <v>1680</v>
      </c>
      <c r="D1631" s="2">
        <v>1585</v>
      </c>
      <c r="E1631" s="13">
        <v>8174</v>
      </c>
    </row>
    <row r="1632" spans="1:5" ht="12.75" hidden="1" outlineLevel="1">
      <c r="A1632" s="1" t="s">
        <v>1624</v>
      </c>
      <c r="B1632" s="2">
        <v>1365</v>
      </c>
      <c r="C1632" s="2">
        <v>1260</v>
      </c>
      <c r="D1632" s="2">
        <v>1190</v>
      </c>
      <c r="E1632" s="13">
        <v>8038</v>
      </c>
    </row>
    <row r="1633" spans="1:5" ht="12.75" hidden="1" outlineLevel="1">
      <c r="A1633" s="1" t="s">
        <v>1625</v>
      </c>
      <c r="B1633" s="2">
        <v>1820</v>
      </c>
      <c r="C1633" s="2">
        <v>1680</v>
      </c>
      <c r="D1633" s="2">
        <v>1585</v>
      </c>
      <c r="E1633" s="13">
        <v>8233</v>
      </c>
    </row>
    <row r="1634" spans="1:5" ht="12.75" hidden="1" outlineLevel="1">
      <c r="A1634" s="1" t="s">
        <v>1626</v>
      </c>
      <c r="B1634" s="2">
        <v>5010</v>
      </c>
      <c r="C1634" s="2">
        <v>4615</v>
      </c>
      <c r="D1634" s="2">
        <v>4355</v>
      </c>
      <c r="E1634" s="13">
        <v>8572</v>
      </c>
    </row>
    <row r="1635" spans="1:5" ht="12.75" hidden="1" outlineLevel="1">
      <c r="A1635" s="1" t="s">
        <v>1627</v>
      </c>
      <c r="B1635" s="2">
        <v>5555</v>
      </c>
      <c r="C1635" s="2">
        <v>5120</v>
      </c>
      <c r="D1635" s="2">
        <v>4830</v>
      </c>
      <c r="E1635" s="13">
        <v>9908</v>
      </c>
    </row>
    <row r="1636" spans="1:5" ht="12.75" hidden="1" outlineLevel="1">
      <c r="A1636" s="1" t="s">
        <v>1628</v>
      </c>
      <c r="B1636" s="2">
        <v>3120</v>
      </c>
      <c r="C1636" s="2">
        <v>2875</v>
      </c>
      <c r="D1636" s="2">
        <v>2710</v>
      </c>
      <c r="E1636" s="13">
        <v>7004</v>
      </c>
    </row>
    <row r="1637" spans="1:5" ht="12.75" hidden="1" outlineLevel="1">
      <c r="A1637" s="1" t="s">
        <v>1629</v>
      </c>
      <c r="B1637" s="2">
        <v>3175</v>
      </c>
      <c r="C1637" s="2">
        <v>2925</v>
      </c>
      <c r="D1637" s="2">
        <v>2760</v>
      </c>
      <c r="E1637" s="13">
        <v>7350</v>
      </c>
    </row>
    <row r="1638" spans="1:5" ht="12.75" hidden="1" outlineLevel="1">
      <c r="A1638" s="1" t="s">
        <v>1630</v>
      </c>
      <c r="B1638" s="2">
        <v>3915</v>
      </c>
      <c r="C1638" s="2">
        <v>3610</v>
      </c>
      <c r="D1638" s="2">
        <v>3405</v>
      </c>
      <c r="E1638" s="13">
        <v>6576</v>
      </c>
    </row>
    <row r="1639" spans="1:5" ht="12.75" hidden="1" outlineLevel="1">
      <c r="A1639" s="1" t="s">
        <v>1631</v>
      </c>
      <c r="B1639" s="2">
        <v>4940</v>
      </c>
      <c r="C1639" s="2">
        <v>4555</v>
      </c>
      <c r="D1639" s="2">
        <v>4295</v>
      </c>
      <c r="E1639" s="13">
        <v>6573</v>
      </c>
    </row>
    <row r="1640" spans="1:5" ht="12.75" hidden="1" outlineLevel="1">
      <c r="A1640" s="1" t="s">
        <v>1632</v>
      </c>
      <c r="B1640" s="2">
        <v>5020</v>
      </c>
      <c r="C1640" s="2">
        <v>4630</v>
      </c>
      <c r="D1640" s="2">
        <v>4365</v>
      </c>
      <c r="E1640" s="13">
        <v>6584</v>
      </c>
    </row>
    <row r="1641" spans="1:5" ht="12.75" hidden="1" outlineLevel="1">
      <c r="A1641" s="1" t="s">
        <v>1633</v>
      </c>
      <c r="B1641" s="2">
        <v>3460</v>
      </c>
      <c r="C1641" s="2">
        <v>3190</v>
      </c>
      <c r="D1641" s="2">
        <v>3010</v>
      </c>
      <c r="E1641" s="13">
        <v>6582</v>
      </c>
    </row>
    <row r="1642" spans="1:5" ht="12.75" hidden="1" outlineLevel="1">
      <c r="A1642" s="1" t="s">
        <v>1634</v>
      </c>
      <c r="B1642" s="2">
        <v>3280</v>
      </c>
      <c r="C1642" s="2">
        <v>3025</v>
      </c>
      <c r="D1642" s="2">
        <v>2855</v>
      </c>
      <c r="E1642" s="13">
        <v>7353</v>
      </c>
    </row>
    <row r="1643" spans="1:5" ht="12.75" hidden="1" outlineLevel="1">
      <c r="A1643" s="1" t="s">
        <v>1635</v>
      </c>
      <c r="B1643" s="2">
        <v>4915</v>
      </c>
      <c r="C1643" s="2">
        <v>4530</v>
      </c>
      <c r="D1643" s="2">
        <v>4275</v>
      </c>
      <c r="E1643" s="13">
        <v>5328</v>
      </c>
    </row>
    <row r="1644" spans="1:5" ht="12.75" hidden="1" outlineLevel="1">
      <c r="A1644" s="1" t="s">
        <v>1636</v>
      </c>
      <c r="B1644" s="2">
        <v>2880</v>
      </c>
      <c r="C1644" s="2">
        <v>2655</v>
      </c>
      <c r="D1644" s="2">
        <v>2505</v>
      </c>
      <c r="E1644" s="13">
        <v>9267</v>
      </c>
    </row>
    <row r="1645" spans="1:5" ht="12.75" hidden="1" outlineLevel="1">
      <c r="A1645" s="1" t="s">
        <v>1637</v>
      </c>
      <c r="B1645" s="2">
        <v>2920</v>
      </c>
      <c r="C1645" s="2">
        <v>2690</v>
      </c>
      <c r="D1645" s="2">
        <v>2535</v>
      </c>
      <c r="E1645" s="13">
        <v>6211</v>
      </c>
    </row>
    <row r="1646" spans="1:5" ht="12.75" hidden="1" outlineLevel="1">
      <c r="A1646" s="1" t="s">
        <v>1638</v>
      </c>
      <c r="B1646" s="2">
        <v>3550</v>
      </c>
      <c r="C1646" s="2">
        <v>3275</v>
      </c>
      <c r="D1646" s="2">
        <v>3090</v>
      </c>
      <c r="E1646" s="13">
        <v>6581</v>
      </c>
    </row>
    <row r="1647" spans="1:5" ht="12.75" hidden="1" outlineLevel="1">
      <c r="A1647" s="1" t="s">
        <v>1639</v>
      </c>
      <c r="B1647" s="2">
        <v>1775</v>
      </c>
      <c r="C1647" s="2">
        <v>1635</v>
      </c>
      <c r="D1647" s="2">
        <v>1545</v>
      </c>
      <c r="E1647" s="13">
        <v>767</v>
      </c>
    </row>
    <row r="1648" spans="1:5" ht="12.75" hidden="1" outlineLevel="1">
      <c r="A1648" s="1" t="s">
        <v>1640</v>
      </c>
      <c r="B1648" s="2">
        <v>455</v>
      </c>
      <c r="C1648" s="2">
        <v>420</v>
      </c>
      <c r="D1648" s="2">
        <v>396</v>
      </c>
      <c r="E1648" s="13">
        <v>772</v>
      </c>
    </row>
    <row r="1649" spans="1:5" ht="12.75" hidden="1" outlineLevel="1">
      <c r="A1649" s="1" t="s">
        <v>1641</v>
      </c>
      <c r="B1649" s="2">
        <v>840</v>
      </c>
      <c r="C1649" s="2">
        <v>775</v>
      </c>
      <c r="D1649" s="2">
        <v>730</v>
      </c>
      <c r="E1649" s="13">
        <v>7352</v>
      </c>
    </row>
    <row r="1650" spans="1:5" ht="12.75" hidden="1" outlineLevel="1">
      <c r="A1650" s="1" t="s">
        <v>1642</v>
      </c>
      <c r="B1650" s="2">
        <v>2640</v>
      </c>
      <c r="C1650" s="2">
        <v>2435</v>
      </c>
      <c r="D1650" s="2">
        <v>2295</v>
      </c>
      <c r="E1650" s="13">
        <v>8146</v>
      </c>
    </row>
    <row r="1651" spans="1:5" ht="12.75" hidden="1" outlineLevel="1">
      <c r="A1651" s="1" t="s">
        <v>1643</v>
      </c>
      <c r="B1651" s="2">
        <v>730</v>
      </c>
      <c r="C1651" s="2">
        <v>671</v>
      </c>
      <c r="D1651" s="2">
        <v>633</v>
      </c>
      <c r="E1651" s="13">
        <v>6583</v>
      </c>
    </row>
    <row r="1652" spans="1:5" ht="12.75" hidden="1" outlineLevel="1">
      <c r="A1652" s="1" t="s">
        <v>1644</v>
      </c>
      <c r="B1652" s="2">
        <v>2365</v>
      </c>
      <c r="C1652" s="2">
        <v>2180</v>
      </c>
      <c r="D1652" s="2">
        <v>2060</v>
      </c>
      <c r="E1652" s="13">
        <v>8327</v>
      </c>
    </row>
    <row r="1653" spans="1:5" ht="12.75" hidden="1" outlineLevel="1">
      <c r="A1653" s="1" t="s">
        <v>1645</v>
      </c>
      <c r="B1653" s="2">
        <v>3375</v>
      </c>
      <c r="C1653" s="2">
        <v>3110</v>
      </c>
      <c r="D1653" s="2">
        <v>2935</v>
      </c>
      <c r="E1653" s="13">
        <v>5991</v>
      </c>
    </row>
    <row r="1654" spans="1:5" ht="12.75" hidden="1" outlineLevel="1">
      <c r="A1654" s="1" t="s">
        <v>1646</v>
      </c>
      <c r="B1654" s="2">
        <v>2550</v>
      </c>
      <c r="C1654" s="2">
        <v>2350</v>
      </c>
      <c r="D1654" s="2">
        <v>2215</v>
      </c>
      <c r="E1654" s="13">
        <v>8838</v>
      </c>
    </row>
    <row r="1655" spans="1:5" ht="12.75" hidden="1" outlineLevel="1">
      <c r="A1655" s="1" t="s">
        <v>1647</v>
      </c>
      <c r="B1655" s="2">
        <v>5145</v>
      </c>
      <c r="C1655" s="2">
        <v>4740</v>
      </c>
      <c r="D1655" s="2">
        <v>4475</v>
      </c>
      <c r="E1655" s="13">
        <v>3733</v>
      </c>
    </row>
    <row r="1656" spans="1:5" ht="12.75" hidden="1" outlineLevel="1">
      <c r="A1656" s="1" t="s">
        <v>1648</v>
      </c>
      <c r="B1656" s="2">
        <v>2560</v>
      </c>
      <c r="C1656" s="2">
        <v>2360</v>
      </c>
      <c r="D1656" s="2">
        <v>2225</v>
      </c>
      <c r="E1656" s="13">
        <v>5992</v>
      </c>
    </row>
    <row r="1657" spans="1:5" ht="12.75" hidden="1" outlineLevel="1">
      <c r="A1657" s="1" t="s">
        <v>1649</v>
      </c>
      <c r="B1657" s="2">
        <v>2980</v>
      </c>
      <c r="C1657" s="2">
        <v>2750</v>
      </c>
      <c r="D1657" s="2">
        <v>2595</v>
      </c>
      <c r="E1657" s="13">
        <v>4966</v>
      </c>
    </row>
    <row r="1658" spans="1:5" ht="12.75" hidden="1" outlineLevel="1">
      <c r="A1658" s="1" t="s">
        <v>1650</v>
      </c>
      <c r="B1658" s="2">
        <v>2870</v>
      </c>
      <c r="C1658" s="2">
        <v>2645</v>
      </c>
      <c r="D1658" s="2">
        <v>2495</v>
      </c>
      <c r="E1658" s="13">
        <v>4191</v>
      </c>
    </row>
    <row r="1659" spans="1:5" ht="12.75" hidden="1" outlineLevel="1">
      <c r="A1659" s="1" t="s">
        <v>1651</v>
      </c>
      <c r="B1659" s="2">
        <v>2975</v>
      </c>
      <c r="C1659" s="2">
        <v>2740</v>
      </c>
      <c r="D1659" s="2">
        <v>2585</v>
      </c>
      <c r="E1659" s="13">
        <v>769</v>
      </c>
    </row>
    <row r="1660" spans="1:5" ht="12.75" hidden="1" outlineLevel="1">
      <c r="A1660" s="1" t="s">
        <v>1652</v>
      </c>
      <c r="B1660" s="2">
        <v>790</v>
      </c>
      <c r="C1660" s="2">
        <v>725</v>
      </c>
      <c r="D1660" s="2">
        <v>685</v>
      </c>
      <c r="E1660" s="13">
        <v>7213</v>
      </c>
    </row>
    <row r="1661" spans="1:5" ht="12.75" hidden="1" outlineLevel="1">
      <c r="A1661" s="1" t="s">
        <v>1653</v>
      </c>
      <c r="B1661" s="2">
        <v>2775</v>
      </c>
      <c r="C1661" s="2">
        <v>2560</v>
      </c>
      <c r="D1661" s="2">
        <v>2415</v>
      </c>
      <c r="E1661" s="13">
        <v>5993</v>
      </c>
    </row>
    <row r="1662" spans="1:5" ht="12.75" hidden="1" outlineLevel="1">
      <c r="A1662" s="1" t="s">
        <v>1654</v>
      </c>
      <c r="B1662" s="2">
        <v>7695</v>
      </c>
      <c r="C1662" s="2">
        <v>7090</v>
      </c>
      <c r="D1662" s="2">
        <v>6690</v>
      </c>
      <c r="E1662" s="13">
        <v>1546</v>
      </c>
    </row>
    <row r="1663" spans="1:5" ht="12.75" hidden="1" outlineLevel="1">
      <c r="A1663" s="1" t="s">
        <v>1655</v>
      </c>
      <c r="B1663" s="2">
        <v>2505</v>
      </c>
      <c r="C1663" s="2">
        <v>2310</v>
      </c>
      <c r="D1663" s="2">
        <v>2175</v>
      </c>
      <c r="E1663" s="13">
        <v>4914</v>
      </c>
    </row>
    <row r="1664" spans="1:5" ht="12.75" hidden="1" outlineLevel="1">
      <c r="A1664" s="1" t="s">
        <v>1656</v>
      </c>
      <c r="B1664" s="2">
        <v>3005</v>
      </c>
      <c r="C1664" s="2">
        <v>2770</v>
      </c>
      <c r="D1664" s="2">
        <v>2615</v>
      </c>
      <c r="E1664" s="13">
        <v>6579</v>
      </c>
    </row>
    <row r="1665" spans="1:5" ht="12.75" hidden="1" outlineLevel="1">
      <c r="A1665" s="1" t="s">
        <v>1657</v>
      </c>
      <c r="B1665" s="2">
        <v>3960</v>
      </c>
      <c r="C1665" s="2">
        <v>3650</v>
      </c>
      <c r="D1665" s="2">
        <v>3445</v>
      </c>
      <c r="E1665" s="13">
        <v>3732</v>
      </c>
    </row>
    <row r="1666" spans="1:5" ht="12.75" hidden="1" outlineLevel="1">
      <c r="A1666" s="1" t="s">
        <v>1658</v>
      </c>
      <c r="B1666" s="2">
        <v>2145</v>
      </c>
      <c r="C1666" s="2">
        <v>1975</v>
      </c>
      <c r="D1666" s="2">
        <v>1865</v>
      </c>
      <c r="E1666" s="13">
        <v>4683</v>
      </c>
    </row>
    <row r="1667" spans="1:5" ht="12.75" hidden="1" outlineLevel="1">
      <c r="A1667" s="1" t="s">
        <v>1659</v>
      </c>
      <c r="B1667" s="2">
        <v>795</v>
      </c>
      <c r="C1667" s="2">
        <v>735</v>
      </c>
      <c r="D1667" s="2">
        <v>693</v>
      </c>
      <c r="E1667" s="13">
        <v>7444</v>
      </c>
    </row>
    <row r="1668" spans="1:5" ht="12.75" hidden="1" outlineLevel="1">
      <c r="A1668" s="1" t="s">
        <v>1660</v>
      </c>
      <c r="B1668" s="2">
        <v>7695</v>
      </c>
      <c r="C1668" s="2">
        <v>7090</v>
      </c>
      <c r="D1668" s="2">
        <v>6690</v>
      </c>
      <c r="E1668" s="13">
        <v>3230</v>
      </c>
    </row>
    <row r="1669" spans="1:5" ht="12.75" hidden="1" outlineLevel="1">
      <c r="A1669" s="1" t="s">
        <v>1661</v>
      </c>
      <c r="B1669" s="2">
        <v>1890</v>
      </c>
      <c r="C1669" s="2">
        <v>1740</v>
      </c>
      <c r="D1669" s="2">
        <v>1645</v>
      </c>
      <c r="E1669" s="13">
        <v>10212</v>
      </c>
    </row>
    <row r="1670" spans="1:5" ht="12.75" hidden="1" outlineLevel="1">
      <c r="A1670" s="1" t="s">
        <v>1662</v>
      </c>
      <c r="B1670" s="2">
        <v>865</v>
      </c>
      <c r="C1670" s="2">
        <v>795</v>
      </c>
      <c r="D1670" s="2">
        <v>750</v>
      </c>
      <c r="E1670" s="13">
        <v>7381</v>
      </c>
    </row>
    <row r="1671" spans="1:5" ht="12.75" hidden="1" outlineLevel="1">
      <c r="A1671" s="1" t="s">
        <v>1663</v>
      </c>
      <c r="B1671" s="2">
        <v>546</v>
      </c>
      <c r="C1671" s="2">
        <v>504</v>
      </c>
      <c r="D1671" s="2">
        <v>475</v>
      </c>
      <c r="E1671" s="13">
        <v>10216</v>
      </c>
    </row>
    <row r="1672" spans="1:5" ht="12.75" hidden="1" outlineLevel="1">
      <c r="A1672" s="1" t="s">
        <v>1664</v>
      </c>
      <c r="B1672" s="2">
        <v>574</v>
      </c>
      <c r="C1672" s="2">
        <v>529</v>
      </c>
      <c r="D1672" s="2">
        <v>499</v>
      </c>
      <c r="E1672" s="13">
        <v>5995</v>
      </c>
    </row>
    <row r="1673" spans="1:5" ht="12.75" hidden="1" outlineLevel="1">
      <c r="A1673" s="1" t="s">
        <v>1665</v>
      </c>
      <c r="B1673" s="2">
        <v>4690</v>
      </c>
      <c r="C1673" s="2">
        <v>4320</v>
      </c>
      <c r="D1673" s="2">
        <v>4075</v>
      </c>
      <c r="E1673" s="13">
        <v>8676</v>
      </c>
    </row>
    <row r="1674" spans="1:5" ht="12.75" hidden="1" outlineLevel="1">
      <c r="A1674" s="1" t="s">
        <v>1666</v>
      </c>
      <c r="B1674" s="2">
        <v>2365</v>
      </c>
      <c r="C1674" s="2">
        <v>2180</v>
      </c>
      <c r="D1674" s="2">
        <v>2060</v>
      </c>
      <c r="E1674" s="13">
        <v>4962</v>
      </c>
    </row>
    <row r="1675" spans="1:5" ht="12.75" hidden="1" outlineLevel="1">
      <c r="A1675" s="1" t="s">
        <v>1667</v>
      </c>
      <c r="B1675" s="2">
        <v>6420</v>
      </c>
      <c r="C1675" s="2">
        <v>5915</v>
      </c>
      <c r="D1675" s="2">
        <v>5580</v>
      </c>
      <c r="E1675" s="13">
        <v>7078</v>
      </c>
    </row>
    <row r="1676" spans="1:5" ht="12.75" hidden="1" outlineLevel="1">
      <c r="A1676" s="1" t="s">
        <v>1668</v>
      </c>
      <c r="B1676" s="2">
        <v>2465</v>
      </c>
      <c r="C1676" s="2">
        <v>2275</v>
      </c>
      <c r="D1676" s="2">
        <v>2145</v>
      </c>
      <c r="E1676" s="13">
        <v>8538</v>
      </c>
    </row>
    <row r="1677" spans="1:5" ht="19.5" hidden="1" outlineLevel="1">
      <c r="A1677" s="1" t="s">
        <v>1669</v>
      </c>
      <c r="B1677" s="2">
        <v>1250</v>
      </c>
      <c r="C1677" s="2">
        <v>1155</v>
      </c>
      <c r="D1677" s="2">
        <v>1090</v>
      </c>
      <c r="E1677" s="13">
        <v>6852</v>
      </c>
    </row>
    <row r="1678" spans="1:5" ht="12.75" hidden="1" outlineLevel="1">
      <c r="A1678" s="1" t="s">
        <v>1670</v>
      </c>
      <c r="B1678" s="2">
        <v>1005</v>
      </c>
      <c r="C1678" s="2">
        <v>925</v>
      </c>
      <c r="D1678" s="2">
        <v>875</v>
      </c>
      <c r="E1678" s="13">
        <v>7445</v>
      </c>
    </row>
    <row r="1679" spans="1:5" ht="19.5" hidden="1" outlineLevel="1">
      <c r="A1679" s="1" t="s">
        <v>1671</v>
      </c>
      <c r="B1679" s="2">
        <v>1160</v>
      </c>
      <c r="C1679" s="2">
        <v>1070</v>
      </c>
      <c r="D1679" s="2">
        <v>1010</v>
      </c>
      <c r="E1679" s="13">
        <v>6851</v>
      </c>
    </row>
    <row r="1680" spans="1:5" ht="12.75" hidden="1" outlineLevel="1">
      <c r="A1680" s="1" t="s">
        <v>1672</v>
      </c>
      <c r="B1680" s="2">
        <v>1195</v>
      </c>
      <c r="C1680" s="2">
        <v>1105</v>
      </c>
      <c r="D1680" s="2">
        <v>1040</v>
      </c>
      <c r="E1680" s="13">
        <v>7446</v>
      </c>
    </row>
    <row r="1681" spans="1:5" ht="19.5" hidden="1" outlineLevel="1">
      <c r="A1681" s="1" t="s">
        <v>1673</v>
      </c>
      <c r="B1681" s="2">
        <v>1045</v>
      </c>
      <c r="C1681" s="2">
        <v>965</v>
      </c>
      <c r="D1681" s="2">
        <v>910</v>
      </c>
      <c r="E1681" s="13">
        <v>6656</v>
      </c>
    </row>
    <row r="1682" spans="1:5" ht="19.5" hidden="1" outlineLevel="1">
      <c r="A1682" s="1" t="s">
        <v>1674</v>
      </c>
      <c r="B1682" s="2">
        <v>775</v>
      </c>
      <c r="C1682" s="2">
        <v>715</v>
      </c>
      <c r="D1682" s="2">
        <v>673</v>
      </c>
      <c r="E1682" s="13">
        <v>6657</v>
      </c>
    </row>
    <row r="1683" spans="1:5" ht="12.75" hidden="1" outlineLevel="1">
      <c r="A1683" s="1" t="s">
        <v>1675</v>
      </c>
      <c r="B1683" s="2">
        <v>637</v>
      </c>
      <c r="C1683" s="2">
        <v>587</v>
      </c>
      <c r="D1683" s="2">
        <v>554</v>
      </c>
      <c r="E1683" s="13">
        <v>768</v>
      </c>
    </row>
    <row r="1684" spans="1:5" ht="12.75" hidden="1" outlineLevel="1">
      <c r="A1684" s="1" t="s">
        <v>1676</v>
      </c>
      <c r="B1684" s="2">
        <v>1660</v>
      </c>
      <c r="C1684" s="2">
        <v>1530</v>
      </c>
      <c r="D1684" s="2">
        <v>1445</v>
      </c>
      <c r="E1684" s="13">
        <v>5990</v>
      </c>
    </row>
    <row r="1685" spans="1:5" ht="12.75" hidden="1" outlineLevel="1">
      <c r="A1685" s="1" t="s">
        <v>1677</v>
      </c>
      <c r="B1685" s="2">
        <v>2095</v>
      </c>
      <c r="C1685" s="2">
        <v>1930</v>
      </c>
      <c r="D1685" s="2">
        <v>1820</v>
      </c>
      <c r="E1685" s="13">
        <v>10213</v>
      </c>
    </row>
    <row r="1686" spans="1:5" ht="12.75" hidden="1" outlineLevel="1">
      <c r="A1686" s="1" t="s">
        <v>1678</v>
      </c>
      <c r="B1686" s="2">
        <v>3195</v>
      </c>
      <c r="C1686" s="2">
        <v>2945</v>
      </c>
      <c r="D1686" s="2">
        <v>2780</v>
      </c>
      <c r="E1686" s="13">
        <v>4192</v>
      </c>
    </row>
    <row r="1687" spans="1:5" ht="12.75" hidden="1" outlineLevel="1">
      <c r="A1687" s="1" t="s">
        <v>1679</v>
      </c>
      <c r="B1687" s="2">
        <v>574</v>
      </c>
      <c r="C1687" s="2">
        <v>529</v>
      </c>
      <c r="D1687" s="2">
        <v>499</v>
      </c>
      <c r="E1687" s="13">
        <v>10217</v>
      </c>
    </row>
    <row r="1688" spans="1:5" ht="12.75" hidden="1" outlineLevel="1">
      <c r="A1688" s="1" t="s">
        <v>1680</v>
      </c>
      <c r="B1688" s="2">
        <v>1955</v>
      </c>
      <c r="C1688" s="2">
        <v>1805</v>
      </c>
      <c r="D1688" s="2">
        <v>1700</v>
      </c>
      <c r="E1688" s="13">
        <v>8539</v>
      </c>
    </row>
    <row r="1689" spans="1:5" ht="12.75" hidden="1" outlineLevel="1">
      <c r="A1689" s="1" t="s">
        <v>1681</v>
      </c>
      <c r="B1689" s="2">
        <v>2505</v>
      </c>
      <c r="C1689" s="2">
        <v>2310</v>
      </c>
      <c r="D1689" s="2">
        <v>2175</v>
      </c>
      <c r="E1689" s="13">
        <v>3164</v>
      </c>
    </row>
    <row r="1690" spans="1:5" ht="12.75" hidden="1" outlineLevel="1">
      <c r="A1690" s="1" t="s">
        <v>1682</v>
      </c>
      <c r="B1690" s="2">
        <v>4325</v>
      </c>
      <c r="C1690" s="2">
        <v>3985</v>
      </c>
      <c r="D1690" s="2">
        <v>3760</v>
      </c>
      <c r="E1690" s="13">
        <v>771</v>
      </c>
    </row>
    <row r="1691" spans="1:5" ht="12.75" hidden="1" outlineLevel="1">
      <c r="A1691" s="1" t="s">
        <v>1683</v>
      </c>
      <c r="B1691" s="2">
        <v>3415</v>
      </c>
      <c r="C1691" s="2">
        <v>3145</v>
      </c>
      <c r="D1691" s="2">
        <v>2970</v>
      </c>
      <c r="E1691" s="13">
        <v>7007</v>
      </c>
    </row>
    <row r="1692" spans="1:5" ht="12.75" hidden="1" outlineLevel="1">
      <c r="A1692" s="1" t="s">
        <v>1684</v>
      </c>
      <c r="B1692" s="2">
        <v>5370</v>
      </c>
      <c r="C1692" s="2">
        <v>4950</v>
      </c>
      <c r="D1692" s="2">
        <v>4670</v>
      </c>
      <c r="E1692" s="13">
        <v>10220</v>
      </c>
    </row>
    <row r="1693" spans="1:5" ht="12.75" hidden="1" outlineLevel="1">
      <c r="A1693" s="1" t="s">
        <v>1685</v>
      </c>
      <c r="B1693" s="2">
        <v>2515</v>
      </c>
      <c r="C1693" s="2">
        <v>2320</v>
      </c>
      <c r="D1693" s="2">
        <v>2190</v>
      </c>
      <c r="E1693" s="13">
        <v>3273</v>
      </c>
    </row>
    <row r="1694" spans="1:5" ht="12.75" hidden="1" outlineLevel="1">
      <c r="A1694" s="1" t="s">
        <v>1686</v>
      </c>
      <c r="B1694" s="2">
        <v>3330</v>
      </c>
      <c r="C1694" s="2">
        <v>3070</v>
      </c>
      <c r="D1694" s="2">
        <v>2900</v>
      </c>
      <c r="E1694" s="13">
        <v>1176</v>
      </c>
    </row>
    <row r="1695" spans="1:5" ht="12.75" hidden="1" outlineLevel="1">
      <c r="A1695" s="1" t="s">
        <v>1687</v>
      </c>
      <c r="B1695" s="2">
        <v>7220</v>
      </c>
      <c r="C1695" s="2">
        <v>6655</v>
      </c>
      <c r="D1695" s="2">
        <v>6280</v>
      </c>
      <c r="E1695" s="13">
        <v>4916</v>
      </c>
    </row>
    <row r="1696" spans="1:5" ht="12.75" hidden="1" outlineLevel="1">
      <c r="A1696" s="1" t="s">
        <v>1688</v>
      </c>
      <c r="B1696" s="2">
        <v>4780</v>
      </c>
      <c r="C1696" s="2">
        <v>4405</v>
      </c>
      <c r="D1696" s="2">
        <v>4155</v>
      </c>
      <c r="E1696" s="13">
        <v>5858</v>
      </c>
    </row>
    <row r="1697" spans="1:5" ht="12.75" hidden="1" outlineLevel="1">
      <c r="A1697" s="1" t="s">
        <v>1689</v>
      </c>
      <c r="B1697" s="2">
        <v>1050</v>
      </c>
      <c r="C1697" s="2">
        <v>970</v>
      </c>
      <c r="D1697" s="2">
        <v>915</v>
      </c>
      <c r="E1697" s="13">
        <v>6570</v>
      </c>
    </row>
    <row r="1698" spans="1:5" ht="12.75" hidden="1" outlineLevel="1">
      <c r="A1698" s="1" t="s">
        <v>1690</v>
      </c>
      <c r="B1698" s="2">
        <v>910</v>
      </c>
      <c r="C1698" s="2">
        <v>840</v>
      </c>
      <c r="D1698" s="2">
        <v>790</v>
      </c>
      <c r="E1698" s="13">
        <v>7447</v>
      </c>
    </row>
    <row r="1699" spans="1:5" ht="12.75" hidden="1" outlineLevel="1">
      <c r="A1699" s="1" t="s">
        <v>1691</v>
      </c>
      <c r="B1699" s="2">
        <v>910</v>
      </c>
      <c r="C1699" s="2">
        <v>840</v>
      </c>
      <c r="D1699" s="2">
        <v>790</v>
      </c>
      <c r="E1699" s="13">
        <v>5100</v>
      </c>
    </row>
    <row r="1700" spans="1:5" ht="12.75" hidden="1" outlineLevel="1">
      <c r="A1700" s="1" t="s">
        <v>1692</v>
      </c>
      <c r="B1700" s="2">
        <v>1890</v>
      </c>
      <c r="C1700" s="2">
        <v>1740</v>
      </c>
      <c r="D1700" s="2">
        <v>1645</v>
      </c>
      <c r="E1700" s="13">
        <v>770</v>
      </c>
    </row>
    <row r="1701" spans="1:5" ht="12.75" hidden="1" outlineLevel="1">
      <c r="A1701" s="1" t="s">
        <v>1693</v>
      </c>
      <c r="B1701" s="2">
        <v>2415</v>
      </c>
      <c r="C1701" s="2">
        <v>2225</v>
      </c>
      <c r="D1701" s="2">
        <v>2100</v>
      </c>
      <c r="E1701" s="13">
        <v>10214</v>
      </c>
    </row>
    <row r="1702" spans="1:5" ht="12.75" hidden="1" outlineLevel="1">
      <c r="A1702" s="1" t="s">
        <v>1694</v>
      </c>
      <c r="B1702" s="2">
        <v>3550</v>
      </c>
      <c r="C1702" s="2">
        <v>3275</v>
      </c>
      <c r="D1702" s="2">
        <v>3090</v>
      </c>
      <c r="E1702" s="13">
        <v>4193</v>
      </c>
    </row>
    <row r="1703" spans="1:5" ht="12.75" hidden="1" outlineLevel="1">
      <c r="A1703" s="1" t="s">
        <v>1695</v>
      </c>
      <c r="B1703" s="2">
        <v>2320</v>
      </c>
      <c r="C1703" s="2">
        <v>2140</v>
      </c>
      <c r="D1703" s="2">
        <v>2020</v>
      </c>
      <c r="E1703" s="13">
        <v>6209</v>
      </c>
    </row>
    <row r="1704" spans="1:5" ht="12.75" hidden="1" outlineLevel="1">
      <c r="A1704" s="1" t="s">
        <v>1696</v>
      </c>
      <c r="B1704" s="2">
        <v>2005</v>
      </c>
      <c r="C1704" s="2">
        <v>1845</v>
      </c>
      <c r="D1704" s="2">
        <v>1740</v>
      </c>
      <c r="E1704" s="13">
        <v>766</v>
      </c>
    </row>
    <row r="1705" spans="1:5" ht="12.75" hidden="1" outlineLevel="1">
      <c r="A1705" s="1" t="s">
        <v>1697</v>
      </c>
      <c r="B1705" s="2">
        <v>1910</v>
      </c>
      <c r="C1705" s="2">
        <v>1760</v>
      </c>
      <c r="D1705" s="2">
        <v>1665</v>
      </c>
      <c r="E1705" s="13">
        <v>7382</v>
      </c>
    </row>
    <row r="1706" spans="1:5" ht="12.75" hidden="1" outlineLevel="1">
      <c r="A1706" s="1" t="s">
        <v>1698</v>
      </c>
      <c r="B1706" s="2">
        <v>1320</v>
      </c>
      <c r="C1706" s="2">
        <v>1215</v>
      </c>
      <c r="D1706" s="2">
        <v>1150</v>
      </c>
      <c r="E1706" s="13">
        <v>5161</v>
      </c>
    </row>
    <row r="1707" spans="1:5" ht="12.75" hidden="1" outlineLevel="1">
      <c r="A1707" s="1" t="s">
        <v>1699</v>
      </c>
      <c r="B1707" s="2">
        <v>646</v>
      </c>
      <c r="C1707" s="2">
        <v>596</v>
      </c>
      <c r="D1707" s="2">
        <v>562</v>
      </c>
      <c r="E1707" s="13">
        <v>10218</v>
      </c>
    </row>
    <row r="1708" spans="1:5" ht="12.75" hidden="1" outlineLevel="1">
      <c r="A1708" s="1" t="s">
        <v>1700</v>
      </c>
      <c r="B1708" s="2">
        <v>683</v>
      </c>
      <c r="C1708" s="2">
        <v>629</v>
      </c>
      <c r="D1708" s="2">
        <v>594</v>
      </c>
      <c r="E1708" s="13">
        <v>5994</v>
      </c>
    </row>
    <row r="1709" spans="1:5" ht="12.75" hidden="1" outlineLevel="1">
      <c r="A1709" s="1" t="s">
        <v>1701</v>
      </c>
      <c r="B1709" s="2">
        <v>7055</v>
      </c>
      <c r="C1709" s="2">
        <v>6505</v>
      </c>
      <c r="D1709" s="2">
        <v>6135</v>
      </c>
      <c r="E1709" s="13">
        <v>6193</v>
      </c>
    </row>
    <row r="1710" spans="1:5" ht="12.75" hidden="1" outlineLevel="1">
      <c r="A1710" s="1" t="s">
        <v>1702</v>
      </c>
      <c r="B1710" s="2">
        <v>5325</v>
      </c>
      <c r="C1710" s="2">
        <v>4910</v>
      </c>
      <c r="D1710" s="2">
        <v>4630</v>
      </c>
      <c r="E1710" s="13">
        <v>6192</v>
      </c>
    </row>
    <row r="1711" spans="1:5" ht="12.75" hidden="1" outlineLevel="1">
      <c r="A1711" s="1" t="s">
        <v>1703</v>
      </c>
      <c r="B1711" s="2">
        <v>3415</v>
      </c>
      <c r="C1711" s="2">
        <v>3145</v>
      </c>
      <c r="D1711" s="2">
        <v>2970</v>
      </c>
      <c r="E1711" s="13">
        <v>9136</v>
      </c>
    </row>
    <row r="1712" spans="1:5" ht="12.75" hidden="1" outlineLevel="1">
      <c r="A1712" s="1" t="s">
        <v>1704</v>
      </c>
      <c r="B1712" s="2">
        <v>2230</v>
      </c>
      <c r="C1712" s="2">
        <v>2055</v>
      </c>
      <c r="D1712" s="2">
        <v>1940</v>
      </c>
      <c r="E1712" s="13">
        <v>8194</v>
      </c>
    </row>
    <row r="1713" spans="1:5" ht="12.75" hidden="1" outlineLevel="1">
      <c r="A1713" s="1" t="s">
        <v>1705</v>
      </c>
      <c r="B1713" s="2">
        <v>1595</v>
      </c>
      <c r="C1713" s="2">
        <v>1470</v>
      </c>
      <c r="D1713" s="2">
        <v>1385</v>
      </c>
      <c r="E1713" s="13">
        <v>10276</v>
      </c>
    </row>
    <row r="1714" spans="1:5" ht="12.75" hidden="1" outlineLevel="1">
      <c r="A1714" s="1" t="s">
        <v>1706</v>
      </c>
      <c r="B1714" s="2">
        <v>2595</v>
      </c>
      <c r="C1714" s="2">
        <v>2390</v>
      </c>
      <c r="D1714" s="2">
        <v>2255</v>
      </c>
      <c r="E1714" s="13">
        <v>4964</v>
      </c>
    </row>
    <row r="1715" spans="1:5" ht="12.75" hidden="1" outlineLevel="1">
      <c r="A1715" s="1" t="s">
        <v>1707</v>
      </c>
      <c r="B1715" s="2">
        <v>2595</v>
      </c>
      <c r="C1715" s="2">
        <v>2390</v>
      </c>
      <c r="D1715" s="2">
        <v>2255</v>
      </c>
      <c r="E1715" s="13">
        <v>4963</v>
      </c>
    </row>
    <row r="1716" spans="1:5" ht="12.75" hidden="1" outlineLevel="1">
      <c r="A1716" s="1" t="s">
        <v>1708</v>
      </c>
      <c r="B1716" s="2">
        <v>2280</v>
      </c>
      <c r="C1716" s="2">
        <v>2100</v>
      </c>
      <c r="D1716" s="2">
        <v>1985</v>
      </c>
      <c r="E1716" s="13">
        <v>10215</v>
      </c>
    </row>
    <row r="1717" spans="1:5" ht="12.75" hidden="1" outlineLevel="1">
      <c r="A1717" s="1" t="s">
        <v>1709</v>
      </c>
      <c r="B1717" s="2">
        <v>1500</v>
      </c>
      <c r="C1717" s="2">
        <v>1385</v>
      </c>
      <c r="D1717" s="2">
        <v>1305</v>
      </c>
      <c r="E1717" s="13">
        <v>3731</v>
      </c>
    </row>
    <row r="1718" spans="1:5" ht="12.75" hidden="1" outlineLevel="1">
      <c r="A1718" s="1" t="s">
        <v>1710</v>
      </c>
      <c r="B1718" s="2">
        <v>845</v>
      </c>
      <c r="C1718" s="2">
        <v>780</v>
      </c>
      <c r="D1718" s="2">
        <v>735</v>
      </c>
      <c r="E1718" s="13">
        <v>5615</v>
      </c>
    </row>
    <row r="1719" spans="1:5" ht="12.75" hidden="1" outlineLevel="1">
      <c r="A1719" s="1" t="s">
        <v>1711</v>
      </c>
      <c r="B1719" s="2">
        <v>455</v>
      </c>
      <c r="C1719" s="2">
        <v>420</v>
      </c>
      <c r="D1719" s="2">
        <v>396</v>
      </c>
      <c r="E1719" s="13">
        <v>9134</v>
      </c>
    </row>
    <row r="1720" spans="1:5" ht="12.75" hidden="1" outlineLevel="1">
      <c r="A1720" s="1" t="s">
        <v>1712</v>
      </c>
      <c r="B1720" s="2">
        <v>845</v>
      </c>
      <c r="C1720" s="2">
        <v>780</v>
      </c>
      <c r="D1720" s="2">
        <v>735</v>
      </c>
      <c r="E1720" s="13">
        <v>4957</v>
      </c>
    </row>
    <row r="1721" spans="1:5" ht="12.75" hidden="1" outlineLevel="1">
      <c r="A1721" s="1" t="s">
        <v>1713</v>
      </c>
      <c r="B1721" s="2">
        <v>740</v>
      </c>
      <c r="C1721" s="2">
        <v>684</v>
      </c>
      <c r="D1721" s="2">
        <v>645</v>
      </c>
      <c r="E1721" s="13">
        <v>10219</v>
      </c>
    </row>
    <row r="1722" spans="1:5" ht="12.75" hidden="1" outlineLevel="1">
      <c r="A1722" s="1" t="s">
        <v>1714</v>
      </c>
      <c r="B1722" s="2">
        <v>11840</v>
      </c>
      <c r="C1722" s="2">
        <v>10910</v>
      </c>
      <c r="D1722" s="2">
        <v>10290</v>
      </c>
      <c r="E1722" s="13">
        <v>6210</v>
      </c>
    </row>
    <row r="1723" spans="1:5" ht="12.75" hidden="1" outlineLevel="1">
      <c r="A1723" s="1" t="s">
        <v>1715</v>
      </c>
      <c r="B1723" s="2">
        <v>2365</v>
      </c>
      <c r="C1723" s="2">
        <v>2180</v>
      </c>
      <c r="D1723" s="2">
        <v>2060</v>
      </c>
      <c r="E1723" s="13">
        <v>7006</v>
      </c>
    </row>
    <row r="1724" spans="1:5" ht="12.75" hidden="1" outlineLevel="1">
      <c r="A1724" s="1" t="s">
        <v>1716</v>
      </c>
      <c r="B1724" s="2">
        <v>4600</v>
      </c>
      <c r="C1724" s="2">
        <v>4240</v>
      </c>
      <c r="D1724" s="2">
        <v>4000</v>
      </c>
      <c r="E1724" s="13">
        <v>10272</v>
      </c>
    </row>
    <row r="1725" spans="1:5" ht="12.75" hidden="1" outlineLevel="1">
      <c r="A1725" s="1" t="s">
        <v>1717</v>
      </c>
      <c r="B1725" s="2">
        <v>2185</v>
      </c>
      <c r="C1725" s="2">
        <v>2015</v>
      </c>
      <c r="D1725" s="2">
        <v>1900</v>
      </c>
      <c r="E1725" s="13">
        <v>4263</v>
      </c>
    </row>
    <row r="1726" spans="1:5" ht="12.75" hidden="1" outlineLevel="1">
      <c r="A1726" s="1" t="s">
        <v>1718</v>
      </c>
      <c r="B1726" s="2">
        <v>6830</v>
      </c>
      <c r="C1726" s="2">
        <v>6295</v>
      </c>
      <c r="D1726" s="2">
        <v>5940</v>
      </c>
      <c r="E1726" s="13">
        <v>9511</v>
      </c>
    </row>
    <row r="1727" spans="1:5" ht="12.75" hidden="1" outlineLevel="1">
      <c r="A1727" s="1" t="s">
        <v>1719</v>
      </c>
      <c r="B1727" s="2">
        <v>3915</v>
      </c>
      <c r="C1727" s="2">
        <v>3610</v>
      </c>
      <c r="D1727" s="2">
        <v>3405</v>
      </c>
      <c r="E1727" s="13">
        <v>4264</v>
      </c>
    </row>
    <row r="1728" spans="1:5" ht="12.75" hidden="1" outlineLevel="1">
      <c r="A1728" s="1" t="s">
        <v>1720</v>
      </c>
      <c r="B1728" s="2">
        <v>1365</v>
      </c>
      <c r="C1728" s="2">
        <v>1260</v>
      </c>
      <c r="D1728" s="2">
        <v>1190</v>
      </c>
      <c r="E1728" s="13">
        <v>5616</v>
      </c>
    </row>
    <row r="1729" spans="1:5" ht="12.75" hidden="1" outlineLevel="1">
      <c r="A1729" s="1" t="s">
        <v>1721</v>
      </c>
      <c r="B1729" s="2">
        <v>3640</v>
      </c>
      <c r="C1729" s="2">
        <v>3355</v>
      </c>
      <c r="D1729" s="2">
        <v>3165</v>
      </c>
      <c r="E1729" s="13">
        <v>6571</v>
      </c>
    </row>
    <row r="1730" spans="1:5" ht="12.75" hidden="1" outlineLevel="1">
      <c r="A1730" s="1" t="s">
        <v>1722</v>
      </c>
      <c r="B1730" s="2">
        <v>27310</v>
      </c>
      <c r="C1730" s="2">
        <v>25180</v>
      </c>
      <c r="D1730" s="2">
        <v>23750</v>
      </c>
      <c r="E1730" s="13">
        <v>7482</v>
      </c>
    </row>
    <row r="1731" spans="1:5" ht="12.75" hidden="1" outlineLevel="1">
      <c r="A1731" s="1" t="s">
        <v>1723</v>
      </c>
      <c r="B1731" s="2">
        <v>6735</v>
      </c>
      <c r="C1731" s="2">
        <v>6210</v>
      </c>
      <c r="D1731" s="2">
        <v>5860</v>
      </c>
      <c r="E1731" s="13">
        <v>8193</v>
      </c>
    </row>
    <row r="1732" spans="1:5" ht="12.75" hidden="1" outlineLevel="1">
      <c r="A1732" s="1" t="s">
        <v>1724</v>
      </c>
      <c r="B1732" s="2">
        <v>683</v>
      </c>
      <c r="C1732" s="2">
        <v>629</v>
      </c>
      <c r="D1732" s="2">
        <v>594</v>
      </c>
      <c r="E1732" s="13">
        <v>4960</v>
      </c>
    </row>
    <row r="1733" spans="1:5" ht="12.75" hidden="1" outlineLevel="1">
      <c r="A1733" s="1" t="s">
        <v>1725</v>
      </c>
      <c r="B1733" s="2">
        <v>4600</v>
      </c>
      <c r="C1733" s="2">
        <v>4240</v>
      </c>
      <c r="D1733" s="2">
        <v>4000</v>
      </c>
      <c r="E1733" s="13">
        <v>10341</v>
      </c>
    </row>
    <row r="1734" spans="1:5" ht="19.5" hidden="1" outlineLevel="1">
      <c r="A1734" s="1" t="s">
        <v>1726</v>
      </c>
      <c r="B1734" s="2">
        <v>1900</v>
      </c>
      <c r="C1734" s="2">
        <v>1750</v>
      </c>
      <c r="D1734" s="2">
        <v>1650</v>
      </c>
      <c r="E1734" s="13">
        <v>1770</v>
      </c>
    </row>
    <row r="1735" spans="1:5" ht="19.5" hidden="1" outlineLevel="1">
      <c r="A1735" s="1" t="s">
        <v>1727</v>
      </c>
      <c r="B1735" s="2">
        <v>1250</v>
      </c>
      <c r="C1735" s="2">
        <v>1155</v>
      </c>
      <c r="D1735" s="2">
        <v>1090</v>
      </c>
      <c r="E1735" s="13">
        <v>6540</v>
      </c>
    </row>
    <row r="1736" spans="1:5" ht="19.5" hidden="1" outlineLevel="1">
      <c r="A1736" s="1" t="s">
        <v>1728</v>
      </c>
      <c r="B1736" s="2">
        <v>910</v>
      </c>
      <c r="C1736" s="2">
        <v>840</v>
      </c>
      <c r="D1736" s="2">
        <v>790</v>
      </c>
      <c r="E1736" s="13">
        <v>6539</v>
      </c>
    </row>
    <row r="1737" spans="1:5" ht="19.5" hidden="1" outlineLevel="1">
      <c r="A1737" s="1" t="s">
        <v>1729</v>
      </c>
      <c r="B1737" s="2">
        <v>1595</v>
      </c>
      <c r="C1737" s="2">
        <v>1470</v>
      </c>
      <c r="D1737" s="2">
        <v>1385</v>
      </c>
      <c r="E1737" s="13">
        <v>7009</v>
      </c>
    </row>
    <row r="1738" spans="1:5" ht="12.75" hidden="1" outlineLevel="1">
      <c r="A1738" s="1" t="s">
        <v>1730</v>
      </c>
      <c r="B1738" s="2">
        <v>3095</v>
      </c>
      <c r="C1738" s="2">
        <v>2855</v>
      </c>
      <c r="D1738" s="2">
        <v>2690</v>
      </c>
      <c r="E1738" s="13">
        <v>6574</v>
      </c>
    </row>
    <row r="1739" spans="1:5" ht="12.75" hidden="1" outlineLevel="1">
      <c r="A1739" s="1" t="s">
        <v>1731</v>
      </c>
      <c r="B1739" s="2">
        <v>910</v>
      </c>
      <c r="C1739" s="2">
        <v>840</v>
      </c>
      <c r="D1739" s="2">
        <v>790</v>
      </c>
      <c r="E1739" s="13">
        <v>7702</v>
      </c>
    </row>
    <row r="1740" spans="1:5" ht="12.75" hidden="1" outlineLevel="1">
      <c r="A1740" s="1" t="s">
        <v>1732</v>
      </c>
      <c r="B1740" s="2">
        <v>2925</v>
      </c>
      <c r="C1740" s="2">
        <v>2695</v>
      </c>
      <c r="D1740" s="2">
        <v>2540</v>
      </c>
      <c r="E1740" s="13">
        <v>940</v>
      </c>
    </row>
    <row r="1741" spans="1:5" ht="12.75" hidden="1" outlineLevel="1">
      <c r="A1741" s="1" t="s">
        <v>1733</v>
      </c>
      <c r="B1741" s="2">
        <v>2925</v>
      </c>
      <c r="C1741" s="2">
        <v>2695</v>
      </c>
      <c r="D1741" s="2">
        <v>2540</v>
      </c>
      <c r="E1741" s="13">
        <v>6249</v>
      </c>
    </row>
    <row r="1742" spans="1:5" ht="12.75" hidden="1" outlineLevel="1">
      <c r="A1742" s="1" t="s">
        <v>1734</v>
      </c>
      <c r="B1742" s="2">
        <v>910</v>
      </c>
      <c r="C1742" s="2">
        <v>840</v>
      </c>
      <c r="D1742" s="2">
        <v>790</v>
      </c>
      <c r="E1742" s="13">
        <v>10241</v>
      </c>
    </row>
    <row r="1743" spans="1:5" ht="12.75" hidden="1" outlineLevel="1">
      <c r="A1743" s="1" t="s">
        <v>1735</v>
      </c>
      <c r="B1743" s="2">
        <v>2365</v>
      </c>
      <c r="C1743" s="2">
        <v>2180</v>
      </c>
      <c r="D1743" s="2">
        <v>2060</v>
      </c>
      <c r="E1743" s="13">
        <v>8947</v>
      </c>
    </row>
    <row r="1744" spans="1:5" ht="12.75" hidden="1" outlineLevel="1">
      <c r="A1744" s="1" t="s">
        <v>1736</v>
      </c>
      <c r="B1744" s="2">
        <v>2185</v>
      </c>
      <c r="C1744" s="2">
        <v>2015</v>
      </c>
      <c r="D1744" s="2">
        <v>1900</v>
      </c>
      <c r="E1744" s="13">
        <v>5996</v>
      </c>
    </row>
    <row r="1745" spans="1:5" ht="12.75" hidden="1" outlineLevel="1">
      <c r="A1745" s="1" t="s">
        <v>1737</v>
      </c>
      <c r="B1745" s="2">
        <v>2185</v>
      </c>
      <c r="C1745" s="2">
        <v>2015</v>
      </c>
      <c r="D1745" s="2">
        <v>1900</v>
      </c>
      <c r="E1745" s="13">
        <v>10221</v>
      </c>
    </row>
    <row r="1746" spans="1:5" ht="12.75" hidden="1" outlineLevel="1">
      <c r="A1746" s="1" t="s">
        <v>1738</v>
      </c>
      <c r="B1746" s="2">
        <v>2185</v>
      </c>
      <c r="C1746" s="2">
        <v>2015</v>
      </c>
      <c r="D1746" s="2">
        <v>1900</v>
      </c>
      <c r="E1746" s="13">
        <v>5945</v>
      </c>
    </row>
    <row r="1747" spans="1:5" ht="12.75" hidden="1" outlineLevel="1">
      <c r="A1747" s="1" t="s">
        <v>1739</v>
      </c>
      <c r="B1747" s="2">
        <v>2185</v>
      </c>
      <c r="C1747" s="2">
        <v>2015</v>
      </c>
      <c r="D1747" s="2">
        <v>1900</v>
      </c>
      <c r="E1747" s="13">
        <v>5715</v>
      </c>
    </row>
    <row r="1748" spans="1:5" ht="19.5" hidden="1" outlineLevel="1">
      <c r="A1748" s="1" t="s">
        <v>1740</v>
      </c>
      <c r="B1748" s="2">
        <v>2185</v>
      </c>
      <c r="C1748" s="2">
        <v>2015</v>
      </c>
      <c r="D1748" s="2">
        <v>1900</v>
      </c>
      <c r="E1748" s="13">
        <v>10222</v>
      </c>
    </row>
    <row r="1749" spans="1:5" ht="19.5" hidden="1" outlineLevel="1">
      <c r="A1749" s="1" t="s">
        <v>1741</v>
      </c>
      <c r="B1749" s="2">
        <v>2185</v>
      </c>
      <c r="C1749" s="2">
        <v>2015</v>
      </c>
      <c r="D1749" s="2">
        <v>1900</v>
      </c>
      <c r="E1749" s="13">
        <v>10223</v>
      </c>
    </row>
    <row r="1750" spans="1:5" ht="12.75" hidden="1" outlineLevel="1">
      <c r="A1750" s="1" t="s">
        <v>1742</v>
      </c>
      <c r="B1750" s="2">
        <v>2185</v>
      </c>
      <c r="C1750" s="2">
        <v>2015</v>
      </c>
      <c r="D1750" s="2">
        <v>1900</v>
      </c>
      <c r="E1750" s="13">
        <v>5989</v>
      </c>
    </row>
    <row r="1751" spans="1:5" ht="19.5" hidden="1" outlineLevel="1">
      <c r="A1751" s="1" t="s">
        <v>1743</v>
      </c>
      <c r="B1751" s="2">
        <v>2185</v>
      </c>
      <c r="C1751" s="2">
        <v>2015</v>
      </c>
      <c r="D1751" s="2">
        <v>1900</v>
      </c>
      <c r="E1751" s="13">
        <v>10224</v>
      </c>
    </row>
    <row r="1752" spans="1:5" ht="12.75" hidden="1" outlineLevel="1">
      <c r="A1752" s="1" t="s">
        <v>1744</v>
      </c>
      <c r="B1752" s="2">
        <v>2185</v>
      </c>
      <c r="C1752" s="2">
        <v>2015</v>
      </c>
      <c r="D1752" s="2">
        <v>1900</v>
      </c>
      <c r="E1752" s="13">
        <v>9531</v>
      </c>
    </row>
    <row r="1753" spans="1:5" ht="19.5" hidden="1" outlineLevel="1">
      <c r="A1753" s="1" t="s">
        <v>1745</v>
      </c>
      <c r="B1753" s="2">
        <v>3185</v>
      </c>
      <c r="C1753" s="2">
        <v>2935</v>
      </c>
      <c r="D1753" s="2">
        <v>2770</v>
      </c>
      <c r="E1753" s="13">
        <v>10292</v>
      </c>
    </row>
    <row r="1754" spans="1:5" ht="12.75" hidden="1" outlineLevel="1">
      <c r="A1754" s="1" t="s">
        <v>1746</v>
      </c>
      <c r="B1754" s="2">
        <v>2185</v>
      </c>
      <c r="C1754" s="2">
        <v>2015</v>
      </c>
      <c r="D1754" s="2">
        <v>1900</v>
      </c>
      <c r="E1754" s="13">
        <v>7003</v>
      </c>
    </row>
    <row r="1755" spans="1:5" ht="12.75" hidden="1" outlineLevel="1">
      <c r="A1755" s="1" t="s">
        <v>1747</v>
      </c>
      <c r="B1755" s="2">
        <v>2185</v>
      </c>
      <c r="C1755" s="2">
        <v>2015</v>
      </c>
      <c r="D1755" s="2">
        <v>1900</v>
      </c>
      <c r="E1755" s="13">
        <v>4959</v>
      </c>
    </row>
    <row r="1756" spans="1:5" ht="12.75" hidden="1" outlineLevel="1">
      <c r="A1756" s="1" t="s">
        <v>1748</v>
      </c>
      <c r="B1756" s="2">
        <v>2185</v>
      </c>
      <c r="C1756" s="2">
        <v>2015</v>
      </c>
      <c r="D1756" s="2">
        <v>1900</v>
      </c>
      <c r="E1756" s="13">
        <v>5617</v>
      </c>
    </row>
    <row r="1757" spans="1:5" ht="12.75" hidden="1" outlineLevel="1">
      <c r="A1757" s="1" t="s">
        <v>1749</v>
      </c>
      <c r="B1757" s="2">
        <v>2185</v>
      </c>
      <c r="C1757" s="2">
        <v>2015</v>
      </c>
      <c r="D1757" s="2">
        <v>1900</v>
      </c>
      <c r="E1757" s="13">
        <v>9636</v>
      </c>
    </row>
    <row r="1758" spans="1:5" ht="12.75" hidden="1" outlineLevel="1">
      <c r="A1758" s="1" t="s">
        <v>1750</v>
      </c>
      <c r="B1758" s="2">
        <v>2185</v>
      </c>
      <c r="C1758" s="2">
        <v>2015</v>
      </c>
      <c r="D1758" s="2">
        <v>1900</v>
      </c>
      <c r="E1758" s="13">
        <v>5713</v>
      </c>
    </row>
    <row r="1759" spans="1:5" ht="12.75" hidden="1" outlineLevel="1">
      <c r="A1759" s="1" t="s">
        <v>1751</v>
      </c>
      <c r="B1759" s="2">
        <v>2185</v>
      </c>
      <c r="C1759" s="2">
        <v>2015</v>
      </c>
      <c r="D1759" s="2">
        <v>1900</v>
      </c>
      <c r="E1759" s="13">
        <v>5714</v>
      </c>
    </row>
    <row r="1760" spans="1:5" ht="12.75" hidden="1" outlineLevel="1">
      <c r="A1760" s="1" t="s">
        <v>1752</v>
      </c>
      <c r="B1760" s="2">
        <v>2185</v>
      </c>
      <c r="C1760" s="2">
        <v>2015</v>
      </c>
      <c r="D1760" s="2">
        <v>1900</v>
      </c>
      <c r="E1760" s="13">
        <v>7609</v>
      </c>
    </row>
    <row r="1761" spans="1:5" ht="12.75" hidden="1" outlineLevel="1">
      <c r="A1761" s="1" t="s">
        <v>1753</v>
      </c>
      <c r="B1761" s="2">
        <v>2185</v>
      </c>
      <c r="C1761" s="2">
        <v>2015</v>
      </c>
      <c r="D1761" s="2">
        <v>1900</v>
      </c>
      <c r="E1761" s="13">
        <v>10225</v>
      </c>
    </row>
    <row r="1762" spans="1:5" ht="12.75" hidden="1" outlineLevel="1">
      <c r="A1762" s="1" t="s">
        <v>1754</v>
      </c>
      <c r="B1762" s="2">
        <v>2185</v>
      </c>
      <c r="C1762" s="2">
        <v>2015</v>
      </c>
      <c r="D1762" s="2">
        <v>1900</v>
      </c>
      <c r="E1762" s="13">
        <v>9686</v>
      </c>
    </row>
    <row r="1763" spans="1:5" ht="12.75" hidden="1" outlineLevel="1">
      <c r="A1763" s="1" t="s">
        <v>1755</v>
      </c>
      <c r="B1763" s="2">
        <v>2185</v>
      </c>
      <c r="C1763" s="2">
        <v>2015</v>
      </c>
      <c r="D1763" s="2">
        <v>1900</v>
      </c>
      <c r="E1763" s="13">
        <v>7320</v>
      </c>
    </row>
    <row r="1764" spans="1:5" ht="12.75" hidden="1" outlineLevel="1">
      <c r="A1764" s="1" t="s">
        <v>1756</v>
      </c>
      <c r="B1764" s="2">
        <v>2185</v>
      </c>
      <c r="C1764" s="2">
        <v>2015</v>
      </c>
      <c r="D1764" s="2">
        <v>1900</v>
      </c>
      <c r="E1764" s="13">
        <v>10226</v>
      </c>
    </row>
    <row r="1765" spans="1:5" ht="12.75" hidden="1" outlineLevel="1">
      <c r="A1765" s="1" t="s">
        <v>1757</v>
      </c>
      <c r="B1765" s="2">
        <v>2185</v>
      </c>
      <c r="C1765" s="2">
        <v>2015</v>
      </c>
      <c r="D1765" s="2">
        <v>1900</v>
      </c>
      <c r="E1765" s="13">
        <v>5159</v>
      </c>
    </row>
    <row r="1766" spans="1:5" ht="12.75" hidden="1" outlineLevel="1">
      <c r="A1766" s="1" t="s">
        <v>1758</v>
      </c>
      <c r="B1766" s="2">
        <v>3370</v>
      </c>
      <c r="C1766" s="2">
        <v>3105</v>
      </c>
      <c r="D1766" s="2">
        <v>2930</v>
      </c>
      <c r="E1766" s="13">
        <v>9351</v>
      </c>
    </row>
    <row r="1767" spans="1:5" ht="19.5" hidden="1" outlineLevel="1">
      <c r="A1767" s="1" t="s">
        <v>1759</v>
      </c>
      <c r="B1767" s="2">
        <v>3640</v>
      </c>
      <c r="C1767" s="2">
        <v>3355</v>
      </c>
      <c r="D1767" s="2">
        <v>3165</v>
      </c>
      <c r="E1767" s="13">
        <v>9596</v>
      </c>
    </row>
    <row r="1768" spans="1:5" ht="12.75" hidden="1" outlineLevel="1">
      <c r="A1768" s="1" t="s">
        <v>1760</v>
      </c>
      <c r="B1768" s="2">
        <v>3280</v>
      </c>
      <c r="C1768" s="2">
        <v>3020</v>
      </c>
      <c r="D1768" s="2">
        <v>2850</v>
      </c>
      <c r="E1768" s="13">
        <v>10240</v>
      </c>
    </row>
    <row r="1769" spans="1:5" ht="12.75" hidden="1" outlineLevel="1">
      <c r="A1769" s="1" t="s">
        <v>1761</v>
      </c>
      <c r="B1769" s="2">
        <v>52810</v>
      </c>
      <c r="C1769" s="2">
        <v>48670</v>
      </c>
      <c r="D1769" s="2">
        <v>45920</v>
      </c>
      <c r="E1769" s="13">
        <v>7704</v>
      </c>
    </row>
    <row r="1770" spans="1:5" ht="12.75" hidden="1" outlineLevel="1">
      <c r="A1770" s="1" t="s">
        <v>1762</v>
      </c>
      <c r="B1770" s="2">
        <v>52810</v>
      </c>
      <c r="C1770" s="2">
        <v>48670</v>
      </c>
      <c r="D1770" s="2">
        <v>45920</v>
      </c>
      <c r="E1770" s="13">
        <v>9525</v>
      </c>
    </row>
    <row r="1771" spans="1:5" ht="19.5" hidden="1" outlineLevel="1">
      <c r="A1771" s="1" t="s">
        <v>1763</v>
      </c>
      <c r="B1771" s="2">
        <v>1045</v>
      </c>
      <c r="C1771" s="2">
        <v>965</v>
      </c>
      <c r="D1771" s="2">
        <v>910</v>
      </c>
      <c r="E1771" s="13">
        <v>4468</v>
      </c>
    </row>
    <row r="1772" spans="1:5" ht="12.75" hidden="1" outlineLevel="1">
      <c r="A1772" s="1" t="s">
        <v>1764</v>
      </c>
      <c r="B1772" s="2">
        <v>2550</v>
      </c>
      <c r="C1772" s="2">
        <v>2350</v>
      </c>
      <c r="D1772" s="2">
        <v>2215</v>
      </c>
      <c r="E1772" s="13">
        <v>7077</v>
      </c>
    </row>
    <row r="1773" spans="1:5" ht="12.75" hidden="1" outlineLevel="1">
      <c r="A1773" s="1" t="s">
        <v>1765</v>
      </c>
      <c r="B1773" s="2">
        <v>1910</v>
      </c>
      <c r="C1773" s="2">
        <v>1760</v>
      </c>
      <c r="D1773" s="2">
        <v>1665</v>
      </c>
      <c r="E1773" s="13">
        <v>7094</v>
      </c>
    </row>
    <row r="1774" spans="1:5" ht="12.75" hidden="1" outlineLevel="1">
      <c r="A1774" s="1" t="s">
        <v>1766</v>
      </c>
      <c r="B1774" s="2">
        <v>15100</v>
      </c>
      <c r="C1774" s="2">
        <v>13920</v>
      </c>
      <c r="D1774" s="2">
        <v>13130</v>
      </c>
      <c r="E1774" s="13">
        <v>9681</v>
      </c>
    </row>
    <row r="1775" spans="1:5" ht="12.75" hidden="1" outlineLevel="1">
      <c r="A1775" s="1" t="s">
        <v>1767</v>
      </c>
      <c r="B1775" s="2">
        <v>18210</v>
      </c>
      <c r="C1775" s="2">
        <v>16780</v>
      </c>
      <c r="D1775" s="2">
        <v>15830</v>
      </c>
      <c r="E1775" s="13">
        <v>9679</v>
      </c>
    </row>
    <row r="1776" spans="1:5" ht="12.75" hidden="1" outlineLevel="1">
      <c r="A1776" s="1" t="s">
        <v>1768</v>
      </c>
      <c r="B1776" s="2">
        <v>7830</v>
      </c>
      <c r="C1776" s="2">
        <v>7215</v>
      </c>
      <c r="D1776" s="2">
        <v>6810</v>
      </c>
      <c r="E1776" s="13">
        <v>5491</v>
      </c>
    </row>
    <row r="1777" spans="1:5" ht="12.75" hidden="1" outlineLevel="1">
      <c r="A1777" s="1" t="s">
        <v>1769</v>
      </c>
      <c r="B1777" s="2">
        <v>2345</v>
      </c>
      <c r="C1777" s="2">
        <v>2160</v>
      </c>
      <c r="D1777" s="2">
        <v>2040</v>
      </c>
      <c r="E1777" s="13">
        <v>4197</v>
      </c>
    </row>
    <row r="1778" spans="1:5" ht="12.75" hidden="1" outlineLevel="1">
      <c r="A1778" s="1" t="s">
        <v>1770</v>
      </c>
      <c r="B1778" s="2">
        <v>9880</v>
      </c>
      <c r="C1778" s="2">
        <v>9105</v>
      </c>
      <c r="D1778" s="2">
        <v>8590</v>
      </c>
      <c r="E1778" s="13">
        <v>5241</v>
      </c>
    </row>
    <row r="1779" spans="1:5" ht="12.75" hidden="1" outlineLevel="1">
      <c r="A1779" s="1" t="s">
        <v>1771</v>
      </c>
      <c r="B1779" s="2">
        <v>2230</v>
      </c>
      <c r="C1779" s="2">
        <v>2055</v>
      </c>
      <c r="D1779" s="2">
        <v>1940</v>
      </c>
      <c r="E1779" s="13">
        <v>6578</v>
      </c>
    </row>
    <row r="1780" spans="1:5" ht="12.75" hidden="1" outlineLevel="1">
      <c r="A1780" s="1" t="s">
        <v>1772</v>
      </c>
      <c r="B1780" s="2">
        <v>8375</v>
      </c>
      <c r="C1780" s="2">
        <v>7720</v>
      </c>
      <c r="D1780" s="2">
        <v>7285</v>
      </c>
      <c r="E1780" s="13">
        <v>6577</v>
      </c>
    </row>
    <row r="1781" spans="1:5" ht="12.75" hidden="1" outlineLevel="1">
      <c r="A1781" s="1" t="s">
        <v>1773</v>
      </c>
      <c r="B1781" s="2">
        <v>5235</v>
      </c>
      <c r="C1781" s="2">
        <v>4825</v>
      </c>
      <c r="D1781" s="2">
        <v>4550</v>
      </c>
      <c r="E1781" s="13">
        <v>4198</v>
      </c>
    </row>
    <row r="1782" spans="1:5" ht="12.75" hidden="1" outlineLevel="1">
      <c r="A1782" s="1" t="s">
        <v>1774</v>
      </c>
      <c r="B1782" s="2">
        <v>23450</v>
      </c>
      <c r="C1782" s="2">
        <v>21610</v>
      </c>
      <c r="D1782" s="2">
        <v>20390</v>
      </c>
      <c r="E1782" s="13">
        <v>8717</v>
      </c>
    </row>
    <row r="1783" spans="1:5" ht="12.75" hidden="1" outlineLevel="1">
      <c r="A1783" s="1" t="s">
        <v>1775</v>
      </c>
      <c r="B1783" s="2">
        <v>4095</v>
      </c>
      <c r="C1783" s="2">
        <v>3775</v>
      </c>
      <c r="D1783" s="2">
        <v>3565</v>
      </c>
      <c r="E1783" s="13">
        <v>6580</v>
      </c>
    </row>
    <row r="1784" spans="1:5" ht="12.75" hidden="1" outlineLevel="1">
      <c r="A1784" s="1" t="s">
        <v>1776</v>
      </c>
      <c r="B1784" s="2">
        <v>18660</v>
      </c>
      <c r="C1784" s="2">
        <v>17200</v>
      </c>
      <c r="D1784" s="2">
        <v>16230</v>
      </c>
      <c r="E1784" s="13">
        <v>4961</v>
      </c>
    </row>
    <row r="1785" spans="1:5" ht="12.75" hidden="1" outlineLevel="1">
      <c r="A1785" s="1" t="s">
        <v>1777</v>
      </c>
      <c r="B1785" s="2">
        <v>10580</v>
      </c>
      <c r="C1785" s="2">
        <v>9755</v>
      </c>
      <c r="D1785" s="2">
        <v>9205</v>
      </c>
      <c r="E1785" s="13">
        <v>5727</v>
      </c>
    </row>
    <row r="1786" spans="1:5" ht="12.75" hidden="1" outlineLevel="1">
      <c r="A1786" s="1" t="s">
        <v>1778</v>
      </c>
      <c r="B1786" s="2">
        <v>9195</v>
      </c>
      <c r="C1786" s="2">
        <v>8475</v>
      </c>
      <c r="D1786" s="2">
        <v>7995</v>
      </c>
      <c r="E1786" s="13">
        <v>4675</v>
      </c>
    </row>
    <row r="1787" spans="1:5" ht="12.75" hidden="1" outlineLevel="1">
      <c r="A1787" s="1" t="s">
        <v>1779</v>
      </c>
      <c r="B1787" s="2">
        <v>12750</v>
      </c>
      <c r="C1787" s="2">
        <v>11750</v>
      </c>
      <c r="D1787" s="2">
        <v>11080</v>
      </c>
      <c r="E1787" s="13">
        <v>1700</v>
      </c>
    </row>
    <row r="1788" spans="1:5" ht="12.75" hidden="1" outlineLevel="1">
      <c r="A1788" s="1" t="s">
        <v>1780</v>
      </c>
      <c r="B1788" s="2">
        <v>3050</v>
      </c>
      <c r="C1788" s="2">
        <v>2810</v>
      </c>
      <c r="D1788" s="2">
        <v>2650</v>
      </c>
      <c r="E1788" s="13">
        <v>5143</v>
      </c>
    </row>
    <row r="1789" spans="1:5" collapsed="1">
      <c r="A1789" s="4" t="s">
        <v>1781</v>
      </c>
      <c r="B1789" s="12"/>
      <c r="C1789" s="12"/>
      <c r="D1789" s="12"/>
      <c r="E1789" s="12"/>
    </row>
    <row r="1790" spans="1:5" ht="19.5" hidden="1" outlineLevel="1">
      <c r="A1790" s="1" t="s">
        <v>1782</v>
      </c>
      <c r="B1790" s="2">
        <v>11380</v>
      </c>
      <c r="C1790" s="2">
        <v>10640</v>
      </c>
      <c r="D1790" s="2">
        <v>9895</v>
      </c>
      <c r="E1790" s="13">
        <v>9625</v>
      </c>
    </row>
    <row r="1791" spans="1:5" ht="12.75" hidden="1" outlineLevel="1">
      <c r="A1791" s="1" t="s">
        <v>1783</v>
      </c>
      <c r="B1791" s="2">
        <v>1195</v>
      </c>
      <c r="C1791" s="2">
        <v>1120</v>
      </c>
      <c r="D1791" s="2">
        <v>1040</v>
      </c>
      <c r="E1791" s="13">
        <v>4195</v>
      </c>
    </row>
    <row r="1792" spans="1:5" ht="12.75" hidden="1" outlineLevel="1">
      <c r="A1792" s="1" t="s">
        <v>1784</v>
      </c>
      <c r="B1792" s="2">
        <v>1365</v>
      </c>
      <c r="C1792" s="2">
        <v>1275</v>
      </c>
      <c r="D1792" s="2">
        <v>1190</v>
      </c>
      <c r="E1792" s="13">
        <v>3071</v>
      </c>
    </row>
    <row r="1793" spans="1:5" ht="12.75" hidden="1" outlineLevel="1">
      <c r="A1793" s="1" t="s">
        <v>1785</v>
      </c>
      <c r="B1793" s="2">
        <v>5690</v>
      </c>
      <c r="C1793" s="2">
        <v>5320</v>
      </c>
      <c r="D1793" s="2">
        <v>4950</v>
      </c>
      <c r="E1793" s="13">
        <v>3829</v>
      </c>
    </row>
    <row r="1794" spans="1:5" ht="12.75" hidden="1" outlineLevel="1">
      <c r="A1794" s="1" t="s">
        <v>1786</v>
      </c>
      <c r="B1794" s="2">
        <v>6145</v>
      </c>
      <c r="C1794" s="2">
        <v>5745</v>
      </c>
      <c r="D1794" s="2">
        <v>5345</v>
      </c>
      <c r="E1794" s="13">
        <v>4196</v>
      </c>
    </row>
    <row r="1795" spans="1:5" ht="12.75" hidden="1" outlineLevel="1">
      <c r="A1795" s="1" t="s">
        <v>1787</v>
      </c>
      <c r="B1795" s="2">
        <v>1480</v>
      </c>
      <c r="C1795" s="2">
        <v>1385</v>
      </c>
      <c r="D1795" s="2">
        <v>1285</v>
      </c>
      <c r="E1795" s="13">
        <v>5902</v>
      </c>
    </row>
    <row r="1796" spans="1:5" ht="12.75" hidden="1" outlineLevel="1">
      <c r="A1796" s="1" t="s">
        <v>1788</v>
      </c>
      <c r="B1796" s="2">
        <v>1820</v>
      </c>
      <c r="C1796" s="2">
        <v>1700</v>
      </c>
      <c r="D1796" s="2">
        <v>1585</v>
      </c>
      <c r="E1796" s="13">
        <v>5929</v>
      </c>
    </row>
    <row r="1797" spans="1:5" ht="19.5" hidden="1" outlineLevel="1">
      <c r="A1797" s="1" t="s">
        <v>1789</v>
      </c>
      <c r="B1797" s="2">
        <v>2925</v>
      </c>
      <c r="C1797" s="2">
        <v>2730</v>
      </c>
      <c r="D1797" s="2">
        <v>2540</v>
      </c>
      <c r="E1797" s="13">
        <v>5903</v>
      </c>
    </row>
    <row r="1798" spans="1:5" ht="12.75" hidden="1" outlineLevel="1">
      <c r="A1798" s="1" t="s">
        <v>1790</v>
      </c>
      <c r="B1798" s="2">
        <v>1095</v>
      </c>
      <c r="C1798" s="2">
        <v>1020</v>
      </c>
      <c r="D1798" s="2">
        <v>950</v>
      </c>
      <c r="E1798" s="13">
        <v>4898</v>
      </c>
    </row>
    <row r="1799" spans="1:5" ht="12.75" hidden="1" outlineLevel="1">
      <c r="A1799" s="1" t="s">
        <v>1791</v>
      </c>
      <c r="B1799" s="2">
        <v>5010</v>
      </c>
      <c r="C1799" s="2">
        <v>4680</v>
      </c>
      <c r="D1799" s="2">
        <v>4355</v>
      </c>
      <c r="E1799" s="13">
        <v>1535</v>
      </c>
    </row>
    <row r="1800" spans="1:5" ht="12.75" hidden="1" outlineLevel="1">
      <c r="A1800" s="1" t="s">
        <v>1792</v>
      </c>
      <c r="B1800" s="2">
        <v>10110</v>
      </c>
      <c r="C1800" s="2">
        <v>9445</v>
      </c>
      <c r="D1800" s="2">
        <v>8790</v>
      </c>
      <c r="E1800" s="13">
        <v>6212</v>
      </c>
    </row>
    <row r="1801" spans="1:5" collapsed="1">
      <c r="A1801" s="4" t="s">
        <v>1793</v>
      </c>
      <c r="B1801" s="12"/>
      <c r="C1801" s="12"/>
      <c r="D1801" s="12"/>
      <c r="E1801" s="12"/>
    </row>
    <row r="1802" spans="1:5" ht="12.75" hidden="1" outlineLevel="1">
      <c r="A1802" s="1" t="s">
        <v>1794</v>
      </c>
      <c r="B1802" s="2">
        <v>8740</v>
      </c>
      <c r="C1802" s="2">
        <v>8170</v>
      </c>
      <c r="D1802" s="2">
        <v>7600</v>
      </c>
      <c r="E1802" s="13">
        <v>5856</v>
      </c>
    </row>
    <row r="1803" spans="1:5" ht="12.75" hidden="1" outlineLevel="1">
      <c r="A1803" s="1" t="s">
        <v>1795</v>
      </c>
      <c r="B1803" s="2">
        <v>2390</v>
      </c>
      <c r="C1803" s="2">
        <v>2235</v>
      </c>
      <c r="D1803" s="2">
        <v>2080</v>
      </c>
      <c r="E1803" s="13">
        <v>5904</v>
      </c>
    </row>
    <row r="1804" spans="1:5" ht="19.5" hidden="1" outlineLevel="1">
      <c r="A1804" s="1" t="s">
        <v>1796</v>
      </c>
      <c r="B1804" s="2">
        <v>2505</v>
      </c>
      <c r="C1804" s="2">
        <v>2340</v>
      </c>
      <c r="D1804" s="2">
        <v>2175</v>
      </c>
      <c r="E1804" s="13">
        <v>5073</v>
      </c>
    </row>
    <row r="1805" spans="1:5" ht="12.75" hidden="1" outlineLevel="1">
      <c r="A1805" s="1" t="s">
        <v>1797</v>
      </c>
      <c r="B1805" s="2">
        <v>1140</v>
      </c>
      <c r="C1805" s="2">
        <v>1065</v>
      </c>
      <c r="D1805" s="2">
        <v>990</v>
      </c>
      <c r="E1805" s="13">
        <v>4012</v>
      </c>
    </row>
    <row r="1806" spans="1:5" ht="12.75" hidden="1" outlineLevel="1">
      <c r="A1806" s="1" t="s">
        <v>1798</v>
      </c>
      <c r="B1806" s="2">
        <v>1045</v>
      </c>
      <c r="C1806" s="2">
        <v>980</v>
      </c>
      <c r="D1806" s="2">
        <v>910</v>
      </c>
      <c r="E1806" s="13">
        <v>10227</v>
      </c>
    </row>
    <row r="1807" spans="1:5" ht="12.75" hidden="1" outlineLevel="1">
      <c r="A1807" s="1" t="s">
        <v>1799</v>
      </c>
      <c r="B1807" s="2">
        <v>1685</v>
      </c>
      <c r="C1807" s="2">
        <v>1575</v>
      </c>
      <c r="D1807" s="2">
        <v>1465</v>
      </c>
      <c r="E1807" s="13">
        <v>4013</v>
      </c>
    </row>
    <row r="1808" spans="1:5" ht="12.75" hidden="1" outlineLevel="1">
      <c r="A1808" s="1" t="s">
        <v>1800</v>
      </c>
      <c r="B1808" s="2">
        <v>2960</v>
      </c>
      <c r="C1808" s="2">
        <v>2765</v>
      </c>
      <c r="D1808" s="2">
        <v>2575</v>
      </c>
      <c r="E1808" s="13">
        <v>5223</v>
      </c>
    </row>
    <row r="1809" spans="1:5" ht="12.75" hidden="1" outlineLevel="1">
      <c r="A1809" s="1" t="s">
        <v>1801</v>
      </c>
      <c r="B1809" s="2">
        <v>3960</v>
      </c>
      <c r="C1809" s="2">
        <v>3700</v>
      </c>
      <c r="D1809" s="2">
        <v>3445</v>
      </c>
      <c r="E1809" s="13">
        <v>10228</v>
      </c>
    </row>
    <row r="1810" spans="1:5" ht="12.75" hidden="1" outlineLevel="1">
      <c r="A1810" s="1" t="s">
        <v>1802</v>
      </c>
      <c r="B1810" s="2">
        <v>4550</v>
      </c>
      <c r="C1810" s="2">
        <v>4255</v>
      </c>
      <c r="D1810" s="2">
        <v>3960</v>
      </c>
      <c r="E1810" s="13">
        <v>10118</v>
      </c>
    </row>
    <row r="1811" spans="1:5" ht="12.75" hidden="1" outlineLevel="1">
      <c r="A1811" s="1" t="s">
        <v>1803</v>
      </c>
      <c r="B1811" s="2">
        <v>5235</v>
      </c>
      <c r="C1811" s="2">
        <v>4895</v>
      </c>
      <c r="D1811" s="2">
        <v>4550</v>
      </c>
      <c r="E1811" s="13">
        <v>9722</v>
      </c>
    </row>
    <row r="1812" spans="1:5" ht="12.75" hidden="1" outlineLevel="1">
      <c r="A1812" s="1" t="s">
        <v>1804</v>
      </c>
      <c r="B1812" s="2">
        <v>2730</v>
      </c>
      <c r="C1812" s="2">
        <v>2555</v>
      </c>
      <c r="D1812" s="2">
        <v>2375</v>
      </c>
      <c r="E1812" s="13">
        <v>10143</v>
      </c>
    </row>
    <row r="1813" spans="1:5" ht="12.75" hidden="1" outlineLevel="1">
      <c r="A1813" s="1" t="s">
        <v>1805</v>
      </c>
      <c r="B1813" s="2">
        <v>7740</v>
      </c>
      <c r="C1813" s="2">
        <v>7235</v>
      </c>
      <c r="D1813" s="2">
        <v>6730</v>
      </c>
      <c r="E1813" s="13">
        <v>6248</v>
      </c>
    </row>
    <row r="1814" spans="1:5" ht="19.5" hidden="1" outlineLevel="1">
      <c r="A1814" s="1" t="s">
        <v>1806</v>
      </c>
      <c r="B1814" s="2">
        <v>1820</v>
      </c>
      <c r="C1814" s="2">
        <v>1700</v>
      </c>
      <c r="D1814" s="2">
        <v>1585</v>
      </c>
      <c r="E1814" s="13">
        <v>5901</v>
      </c>
    </row>
    <row r="1815" spans="1:5" collapsed="1">
      <c r="A1815" s="4" t="s">
        <v>1807</v>
      </c>
      <c r="B1815" s="12"/>
      <c r="C1815" s="12"/>
      <c r="D1815" s="12"/>
      <c r="E1815" s="12"/>
    </row>
    <row r="1816" spans="1:5" ht="12.75" hidden="1" outlineLevel="1">
      <c r="A1816" s="1" t="s">
        <v>1808</v>
      </c>
      <c r="B1816" s="2">
        <v>310</v>
      </c>
      <c r="C1816" s="2">
        <v>293.7</v>
      </c>
      <c r="D1816" s="2">
        <v>277.10000000000002</v>
      </c>
      <c r="E1816" s="13">
        <v>1090</v>
      </c>
    </row>
    <row r="1817" spans="1:5" ht="12.75" hidden="1" outlineLevel="1">
      <c r="A1817" s="1" t="s">
        <v>1809</v>
      </c>
      <c r="B1817" s="2">
        <v>288.2</v>
      </c>
      <c r="C1817" s="2">
        <v>272.7</v>
      </c>
      <c r="D1817" s="2">
        <v>257.3</v>
      </c>
      <c r="E1817" s="13">
        <v>1088</v>
      </c>
    </row>
    <row r="1818" spans="1:5" ht="12.75" hidden="1" outlineLevel="1">
      <c r="A1818" s="1" t="s">
        <v>1810</v>
      </c>
      <c r="B1818" s="2">
        <v>310</v>
      </c>
      <c r="C1818" s="2">
        <v>293.7</v>
      </c>
      <c r="D1818" s="2">
        <v>277.10000000000002</v>
      </c>
      <c r="E1818" s="13">
        <v>1087</v>
      </c>
    </row>
    <row r="1819" spans="1:5" ht="12.75" hidden="1" outlineLevel="1">
      <c r="A1819" s="1" t="s">
        <v>1811</v>
      </c>
      <c r="B1819" s="2">
        <v>8600</v>
      </c>
      <c r="C1819" s="2">
        <v>8140</v>
      </c>
      <c r="D1819" s="2">
        <v>7680</v>
      </c>
      <c r="E1819" s="13">
        <v>5611</v>
      </c>
    </row>
    <row r="1820" spans="1:5" ht="12.75" hidden="1" outlineLevel="1">
      <c r="A1820" s="1" t="s">
        <v>1812</v>
      </c>
      <c r="B1820" s="2">
        <v>8290</v>
      </c>
      <c r="C1820" s="2">
        <v>7845</v>
      </c>
      <c r="D1820" s="2">
        <v>7400</v>
      </c>
      <c r="E1820" s="13">
        <v>9782</v>
      </c>
    </row>
    <row r="1821" spans="1:5" ht="12.75" hidden="1" outlineLevel="1">
      <c r="A1821" s="1" t="s">
        <v>1813</v>
      </c>
      <c r="B1821" s="2">
        <v>9995</v>
      </c>
      <c r="C1821" s="2">
        <v>9460</v>
      </c>
      <c r="D1821" s="2">
        <v>8920</v>
      </c>
      <c r="E1821" s="13">
        <v>5613</v>
      </c>
    </row>
    <row r="1822" spans="1:5" ht="12.75" hidden="1" outlineLevel="1">
      <c r="A1822" s="1" t="s">
        <v>1814</v>
      </c>
      <c r="B1822" s="2">
        <v>2360</v>
      </c>
      <c r="C1822" s="2">
        <v>2230</v>
      </c>
      <c r="D1822" s="2">
        <v>2105</v>
      </c>
      <c r="E1822" s="13">
        <v>7501</v>
      </c>
    </row>
    <row r="1823" spans="1:5" ht="12.75" hidden="1" outlineLevel="1">
      <c r="A1823" s="1" t="s">
        <v>1815</v>
      </c>
      <c r="B1823" s="2">
        <v>3770</v>
      </c>
      <c r="C1823" s="2">
        <v>3565</v>
      </c>
      <c r="D1823" s="2">
        <v>3365</v>
      </c>
      <c r="E1823" s="13">
        <v>5271</v>
      </c>
    </row>
    <row r="1824" spans="1:5" ht="12.75" hidden="1" outlineLevel="1">
      <c r="A1824" s="1" t="s">
        <v>1816</v>
      </c>
      <c r="B1824" s="2">
        <v>2855</v>
      </c>
      <c r="C1824" s="2">
        <v>2700</v>
      </c>
      <c r="D1824" s="2">
        <v>2550</v>
      </c>
      <c r="E1824" s="13">
        <v>7502</v>
      </c>
    </row>
    <row r="1825" spans="1:5" ht="12.75" hidden="1" outlineLevel="1">
      <c r="A1825" s="1" t="s">
        <v>1817</v>
      </c>
      <c r="B1825" s="2">
        <v>4610</v>
      </c>
      <c r="C1825" s="2">
        <v>4365</v>
      </c>
      <c r="D1825" s="2">
        <v>4115</v>
      </c>
      <c r="E1825" s="13">
        <v>5269</v>
      </c>
    </row>
    <row r="1826" spans="1:5" ht="12.75" hidden="1" outlineLevel="1">
      <c r="A1826" s="1" t="s">
        <v>1818</v>
      </c>
      <c r="B1826" s="2">
        <v>5655</v>
      </c>
      <c r="C1826" s="2">
        <v>5355</v>
      </c>
      <c r="D1826" s="2">
        <v>5050</v>
      </c>
      <c r="E1826" s="13">
        <v>7503</v>
      </c>
    </row>
    <row r="1827" spans="1:5" ht="12.75" hidden="1" outlineLevel="1">
      <c r="A1827" s="1" t="s">
        <v>1819</v>
      </c>
      <c r="B1827" s="2">
        <v>3415</v>
      </c>
      <c r="C1827" s="2">
        <v>3230</v>
      </c>
      <c r="D1827" s="2">
        <v>3050</v>
      </c>
      <c r="E1827" s="13">
        <v>4268</v>
      </c>
    </row>
    <row r="1828" spans="1:5" ht="12.75" hidden="1" outlineLevel="1">
      <c r="A1828" s="1" t="s">
        <v>1820</v>
      </c>
      <c r="B1828" s="2">
        <v>7095</v>
      </c>
      <c r="C1828" s="2">
        <v>6715</v>
      </c>
      <c r="D1828" s="2">
        <v>6335</v>
      </c>
      <c r="E1828" s="13">
        <v>7504</v>
      </c>
    </row>
    <row r="1829" spans="1:5" ht="12.75" hidden="1" outlineLevel="1">
      <c r="A1829" s="1" t="s">
        <v>1821</v>
      </c>
      <c r="B1829" s="2">
        <v>4435</v>
      </c>
      <c r="C1829" s="2">
        <v>4195</v>
      </c>
      <c r="D1829" s="2">
        <v>3960</v>
      </c>
      <c r="E1829" s="13">
        <v>3485</v>
      </c>
    </row>
    <row r="1830" spans="1:5" collapsed="1">
      <c r="A1830" s="4" t="s">
        <v>1822</v>
      </c>
      <c r="B1830" s="12"/>
      <c r="C1830" s="12"/>
      <c r="D1830" s="12"/>
      <c r="E1830" s="12"/>
    </row>
    <row r="1831" spans="1:5" ht="12.75" hidden="1" outlineLevel="1">
      <c r="A1831" s="1" t="s">
        <v>1823</v>
      </c>
      <c r="B1831" s="2">
        <v>710</v>
      </c>
      <c r="C1831" s="2">
        <v>568</v>
      </c>
      <c r="D1831" s="2">
        <v>429</v>
      </c>
      <c r="E1831" s="13">
        <v>9705</v>
      </c>
    </row>
    <row r="1832" spans="1:5" ht="12.75" hidden="1" outlineLevel="1">
      <c r="A1832" s="1" t="s">
        <v>1824</v>
      </c>
      <c r="B1832" s="2">
        <v>710</v>
      </c>
      <c r="C1832" s="2">
        <v>568</v>
      </c>
      <c r="D1832" s="2">
        <v>429</v>
      </c>
      <c r="E1832" s="13">
        <v>9707</v>
      </c>
    </row>
    <row r="1833" spans="1:5" ht="12.75" hidden="1" outlineLevel="1">
      <c r="A1833" s="1" t="s">
        <v>1825</v>
      </c>
      <c r="B1833" s="2">
        <v>710</v>
      </c>
      <c r="C1833" s="2">
        <v>568</v>
      </c>
      <c r="D1833" s="2">
        <v>429</v>
      </c>
      <c r="E1833" s="13">
        <v>9414</v>
      </c>
    </row>
    <row r="1834" spans="1:5" ht="12.75" hidden="1" outlineLevel="1">
      <c r="A1834" s="1" t="s">
        <v>1826</v>
      </c>
      <c r="B1834" s="2">
        <v>710</v>
      </c>
      <c r="C1834" s="2">
        <v>568</v>
      </c>
      <c r="D1834" s="2">
        <v>429</v>
      </c>
      <c r="E1834" s="13">
        <v>9706</v>
      </c>
    </row>
    <row r="1835" spans="1:5" ht="19.5" hidden="1" outlineLevel="1">
      <c r="A1835" s="1" t="s">
        <v>1827</v>
      </c>
      <c r="B1835" s="2">
        <v>70790</v>
      </c>
      <c r="C1835" s="2">
        <v>56840</v>
      </c>
      <c r="D1835" s="2">
        <v>42900</v>
      </c>
      <c r="E1835" s="13">
        <v>6075</v>
      </c>
    </row>
    <row r="1836" spans="1:5" ht="12.75" hidden="1" outlineLevel="1">
      <c r="A1836" s="1" t="s">
        <v>1828</v>
      </c>
      <c r="B1836" s="2">
        <v>710</v>
      </c>
      <c r="C1836" s="2">
        <v>568</v>
      </c>
      <c r="D1836" s="2">
        <v>429</v>
      </c>
      <c r="E1836" s="13">
        <v>9914</v>
      </c>
    </row>
    <row r="1837" spans="1:5" ht="12.75" hidden="1" outlineLevel="1">
      <c r="A1837" s="1" t="s">
        <v>1829</v>
      </c>
      <c r="B1837" s="2">
        <v>710</v>
      </c>
      <c r="C1837" s="2">
        <v>568</v>
      </c>
      <c r="D1837" s="2">
        <v>429</v>
      </c>
      <c r="E1837" s="13">
        <v>9917</v>
      </c>
    </row>
    <row r="1838" spans="1:5" ht="12.75" hidden="1" outlineLevel="1">
      <c r="A1838" s="1" t="s">
        <v>1830</v>
      </c>
      <c r="B1838" s="2">
        <v>12740</v>
      </c>
      <c r="C1838" s="2">
        <v>10230</v>
      </c>
      <c r="D1838" s="2">
        <v>7720</v>
      </c>
      <c r="E1838" s="13">
        <v>7194</v>
      </c>
    </row>
    <row r="1839" spans="1:5" ht="12.75" hidden="1" outlineLevel="1">
      <c r="A1839" s="1" t="s">
        <v>1831</v>
      </c>
      <c r="B1839" s="2">
        <v>710</v>
      </c>
      <c r="C1839" s="2">
        <v>568</v>
      </c>
      <c r="D1839" s="2">
        <v>429</v>
      </c>
      <c r="E1839" s="13">
        <v>5800</v>
      </c>
    </row>
    <row r="1840" spans="1:5" ht="19.5" hidden="1" outlineLevel="1">
      <c r="A1840" s="1" t="s">
        <v>1832</v>
      </c>
      <c r="B1840" s="2">
        <v>3540</v>
      </c>
      <c r="C1840" s="2">
        <v>2840</v>
      </c>
      <c r="D1840" s="2">
        <v>2145</v>
      </c>
      <c r="E1840" s="13">
        <v>9097</v>
      </c>
    </row>
    <row r="1841" spans="1:5" ht="12.75" hidden="1" outlineLevel="1">
      <c r="A1841" s="1" t="s">
        <v>1833</v>
      </c>
      <c r="B1841" s="2">
        <v>3540</v>
      </c>
      <c r="C1841" s="2">
        <v>2840</v>
      </c>
      <c r="D1841" s="2">
        <v>2145</v>
      </c>
      <c r="E1841" s="13">
        <v>9093</v>
      </c>
    </row>
    <row r="1842" spans="1:5" ht="12.75" hidden="1" outlineLevel="1">
      <c r="A1842" s="1" t="s">
        <v>1834</v>
      </c>
      <c r="B1842" s="2">
        <v>3540</v>
      </c>
      <c r="C1842" s="2">
        <v>2840</v>
      </c>
      <c r="D1842" s="2">
        <v>2145</v>
      </c>
      <c r="E1842" s="13">
        <v>9146</v>
      </c>
    </row>
    <row r="1843" spans="1:5" ht="12.75" hidden="1" outlineLevel="1">
      <c r="A1843" s="1" t="s">
        <v>1835</v>
      </c>
      <c r="B1843" s="2">
        <v>3255</v>
      </c>
      <c r="C1843" s="2">
        <v>2615</v>
      </c>
      <c r="D1843" s="2">
        <v>1975</v>
      </c>
      <c r="E1843" s="13">
        <v>9916</v>
      </c>
    </row>
    <row r="1844" spans="1:5" ht="19.5" hidden="1" outlineLevel="1">
      <c r="A1844" s="1" t="s">
        <v>1836</v>
      </c>
      <c r="B1844" s="2">
        <v>3540</v>
      </c>
      <c r="C1844" s="2">
        <v>2840</v>
      </c>
      <c r="D1844" s="2">
        <v>2145</v>
      </c>
      <c r="E1844" s="13">
        <v>7920</v>
      </c>
    </row>
    <row r="1845" spans="1:5" ht="12.75" hidden="1" outlineLevel="1">
      <c r="A1845" s="1" t="s">
        <v>1837</v>
      </c>
      <c r="B1845" s="2">
        <v>3255</v>
      </c>
      <c r="C1845" s="2">
        <v>2615</v>
      </c>
      <c r="D1845" s="2">
        <v>1975</v>
      </c>
      <c r="E1845" s="13">
        <v>9057</v>
      </c>
    </row>
    <row r="1846" spans="1:5" ht="12.75" hidden="1" outlineLevel="1">
      <c r="A1846" s="1" t="s">
        <v>1838</v>
      </c>
      <c r="B1846" s="2">
        <v>1770</v>
      </c>
      <c r="C1846" s="2">
        <v>1420</v>
      </c>
      <c r="D1846" s="2">
        <v>1075</v>
      </c>
      <c r="E1846" s="13">
        <v>9910</v>
      </c>
    </row>
    <row r="1847" spans="1:5" ht="12.75" hidden="1" outlineLevel="1">
      <c r="A1847" s="1" t="s">
        <v>1839</v>
      </c>
      <c r="B1847" s="2">
        <v>9910</v>
      </c>
      <c r="C1847" s="2">
        <v>7960</v>
      </c>
      <c r="D1847" s="2">
        <v>6005</v>
      </c>
      <c r="E1847" s="13">
        <v>9990</v>
      </c>
    </row>
    <row r="1848" spans="1:5" ht="19.5" hidden="1" outlineLevel="1">
      <c r="A1848" s="1" t="s">
        <v>1840</v>
      </c>
      <c r="B1848" s="2">
        <v>14160</v>
      </c>
      <c r="C1848" s="2">
        <v>11370</v>
      </c>
      <c r="D1848" s="2">
        <v>8580</v>
      </c>
      <c r="E1848" s="13">
        <v>9979</v>
      </c>
    </row>
    <row r="1849" spans="1:5" ht="19.5" hidden="1" outlineLevel="1">
      <c r="A1849" s="1" t="s">
        <v>1841</v>
      </c>
      <c r="B1849" s="2">
        <v>1415</v>
      </c>
      <c r="C1849" s="2">
        <v>1135</v>
      </c>
      <c r="D1849" s="2">
        <v>860</v>
      </c>
      <c r="E1849" s="13">
        <v>9040</v>
      </c>
    </row>
    <row r="1850" spans="1:5" ht="12.75" hidden="1" outlineLevel="1">
      <c r="A1850" s="1" t="s">
        <v>1842</v>
      </c>
      <c r="B1850" s="2">
        <v>1415</v>
      </c>
      <c r="C1850" s="2">
        <v>1135</v>
      </c>
      <c r="D1850" s="2">
        <v>860</v>
      </c>
      <c r="E1850" s="13">
        <v>9041</v>
      </c>
    </row>
    <row r="1851" spans="1:5" ht="12.75" hidden="1" outlineLevel="1">
      <c r="A1851" s="1" t="s">
        <v>1843</v>
      </c>
      <c r="B1851" s="2">
        <v>354</v>
      </c>
      <c r="C1851" s="2">
        <v>284.2</v>
      </c>
      <c r="D1851" s="2">
        <v>214.5</v>
      </c>
      <c r="E1851" s="13">
        <v>6060</v>
      </c>
    </row>
    <row r="1852" spans="1:5" ht="12.75" hidden="1" outlineLevel="1">
      <c r="A1852" s="1" t="s">
        <v>1844</v>
      </c>
      <c r="B1852" s="2">
        <v>10620</v>
      </c>
      <c r="C1852" s="2">
        <v>8525</v>
      </c>
      <c r="D1852" s="2">
        <v>6435</v>
      </c>
      <c r="E1852" s="13">
        <v>9926</v>
      </c>
    </row>
    <row r="1853" spans="1:5" ht="19.5" hidden="1" outlineLevel="1">
      <c r="A1853" s="1" t="s">
        <v>1845</v>
      </c>
      <c r="B1853" s="2">
        <v>42470</v>
      </c>
      <c r="C1853" s="2">
        <v>34110</v>
      </c>
      <c r="D1853" s="2">
        <v>25740</v>
      </c>
      <c r="E1853" s="13">
        <v>10001</v>
      </c>
    </row>
    <row r="1854" spans="1:5" ht="12.75" hidden="1" outlineLevel="1">
      <c r="A1854" s="1" t="s">
        <v>1846</v>
      </c>
      <c r="B1854" s="2">
        <v>8495</v>
      </c>
      <c r="C1854" s="2">
        <v>6820</v>
      </c>
      <c r="D1854" s="2">
        <v>5150</v>
      </c>
      <c r="E1854" s="13">
        <v>10271</v>
      </c>
    </row>
    <row r="1855" spans="1:5" ht="12.75" hidden="1" outlineLevel="1">
      <c r="A1855" s="1" t="s">
        <v>1847</v>
      </c>
      <c r="B1855" s="2">
        <v>21240</v>
      </c>
      <c r="C1855" s="2">
        <v>17050</v>
      </c>
      <c r="D1855" s="2">
        <v>12870</v>
      </c>
      <c r="E1855" s="13">
        <v>9903</v>
      </c>
    </row>
    <row r="1856" spans="1:5" ht="12.75" hidden="1" outlineLevel="1">
      <c r="A1856" s="1" t="s">
        <v>1848</v>
      </c>
      <c r="B1856" s="2">
        <v>3895</v>
      </c>
      <c r="C1856" s="2">
        <v>3125</v>
      </c>
      <c r="D1856" s="2">
        <v>2360</v>
      </c>
      <c r="E1856" s="13">
        <v>9765</v>
      </c>
    </row>
    <row r="1857" spans="1:5" ht="12.75" hidden="1" outlineLevel="1">
      <c r="A1857" s="1" t="s">
        <v>1849</v>
      </c>
      <c r="B1857" s="2">
        <v>10620</v>
      </c>
      <c r="C1857" s="2">
        <v>8525</v>
      </c>
      <c r="D1857" s="2">
        <v>6435</v>
      </c>
      <c r="E1857" s="13">
        <v>8602</v>
      </c>
    </row>
    <row r="1858" spans="1:5" ht="12.75" hidden="1" outlineLevel="1">
      <c r="A1858" s="1" t="s">
        <v>1850</v>
      </c>
      <c r="B1858" s="2">
        <v>21240</v>
      </c>
      <c r="C1858" s="2">
        <v>17050</v>
      </c>
      <c r="D1858" s="2">
        <v>12870</v>
      </c>
      <c r="E1858" s="13">
        <v>10084</v>
      </c>
    </row>
    <row r="1859" spans="1:5" ht="12.75" hidden="1" outlineLevel="1">
      <c r="A1859" s="1" t="s">
        <v>1851</v>
      </c>
      <c r="B1859" s="2">
        <v>3540</v>
      </c>
      <c r="C1859" s="2">
        <v>2840</v>
      </c>
      <c r="D1859" s="2">
        <v>2145</v>
      </c>
      <c r="E1859" s="13">
        <v>9915</v>
      </c>
    </row>
    <row r="1860" spans="1:5" ht="12.75" hidden="1" outlineLevel="1">
      <c r="A1860" s="1" t="s">
        <v>1852</v>
      </c>
      <c r="B1860" s="2">
        <v>1415</v>
      </c>
      <c r="C1860" s="2">
        <v>1135</v>
      </c>
      <c r="D1860" s="2">
        <v>860</v>
      </c>
      <c r="E1860" s="13">
        <v>5803</v>
      </c>
    </row>
    <row r="1861" spans="1:5" ht="12.75" hidden="1" outlineLevel="1">
      <c r="A1861" s="1" t="s">
        <v>1853</v>
      </c>
      <c r="B1861" s="2">
        <v>1415</v>
      </c>
      <c r="C1861" s="2">
        <v>1135</v>
      </c>
      <c r="D1861" s="2">
        <v>860</v>
      </c>
      <c r="E1861" s="13">
        <v>5802</v>
      </c>
    </row>
    <row r="1862" spans="1:5" ht="12.75" hidden="1" outlineLevel="1">
      <c r="A1862" s="1" t="s">
        <v>1854</v>
      </c>
      <c r="B1862" s="2">
        <v>1415</v>
      </c>
      <c r="C1862" s="2">
        <v>1135</v>
      </c>
      <c r="D1862" s="2">
        <v>860</v>
      </c>
      <c r="E1862" s="13">
        <v>7192</v>
      </c>
    </row>
    <row r="1863" spans="1:5" ht="12.75" hidden="1" outlineLevel="1">
      <c r="A1863" s="1" t="s">
        <v>1855</v>
      </c>
      <c r="B1863" s="2">
        <v>1770</v>
      </c>
      <c r="C1863" s="2">
        <v>1420</v>
      </c>
      <c r="D1863" s="2">
        <v>1075</v>
      </c>
      <c r="E1863" s="13">
        <v>5976</v>
      </c>
    </row>
    <row r="1864" spans="1:5" ht="12.75" hidden="1" outlineLevel="1">
      <c r="A1864" s="1" t="s">
        <v>1856</v>
      </c>
      <c r="B1864" s="2">
        <v>16280</v>
      </c>
      <c r="C1864" s="2">
        <v>13070</v>
      </c>
      <c r="D1864" s="2">
        <v>9865</v>
      </c>
      <c r="E1864" s="13">
        <v>9977</v>
      </c>
    </row>
    <row r="1865" spans="1:5" ht="19.5" hidden="1" outlineLevel="1">
      <c r="A1865" s="1" t="s">
        <v>1857</v>
      </c>
      <c r="B1865" s="2">
        <v>1415</v>
      </c>
      <c r="C1865" s="2">
        <v>1135</v>
      </c>
      <c r="D1865" s="2">
        <v>860</v>
      </c>
      <c r="E1865" s="13">
        <v>9039</v>
      </c>
    </row>
    <row r="1866" spans="1:5" ht="29.25" hidden="1" outlineLevel="1">
      <c r="A1866" s="1" t="s">
        <v>1858</v>
      </c>
      <c r="B1866" s="2">
        <v>1415</v>
      </c>
      <c r="C1866" s="2">
        <v>1135</v>
      </c>
      <c r="D1866" s="2">
        <v>860</v>
      </c>
      <c r="E1866" s="13">
        <v>9044</v>
      </c>
    </row>
    <row r="1867" spans="1:5" ht="12.75" hidden="1" outlineLevel="1">
      <c r="A1867" s="1" t="s">
        <v>1859</v>
      </c>
      <c r="B1867" s="2">
        <v>1415</v>
      </c>
      <c r="C1867" s="2">
        <v>1135</v>
      </c>
      <c r="D1867" s="2">
        <v>860</v>
      </c>
      <c r="E1867" s="13">
        <v>9042</v>
      </c>
    </row>
    <row r="1868" spans="1:5" ht="29.25" hidden="1" outlineLevel="1">
      <c r="A1868" s="1" t="s">
        <v>1860</v>
      </c>
      <c r="B1868" s="2">
        <v>1415</v>
      </c>
      <c r="C1868" s="2">
        <v>1135</v>
      </c>
      <c r="D1868" s="2">
        <v>860</v>
      </c>
      <c r="E1868" s="13">
        <v>9045</v>
      </c>
    </row>
    <row r="1869" spans="1:5" ht="12.75" hidden="1" outlineLevel="1">
      <c r="A1869" s="1" t="s">
        <v>1861</v>
      </c>
      <c r="B1869" s="2">
        <v>1415</v>
      </c>
      <c r="C1869" s="2">
        <v>1135</v>
      </c>
      <c r="D1869" s="2">
        <v>860</v>
      </c>
      <c r="E1869" s="13">
        <v>8845</v>
      </c>
    </row>
    <row r="1870" spans="1:5" ht="12.75" hidden="1" outlineLevel="1">
      <c r="A1870" s="1" t="s">
        <v>1862</v>
      </c>
      <c r="B1870" s="2">
        <v>1060</v>
      </c>
      <c r="C1870" s="2">
        <v>855</v>
      </c>
      <c r="D1870" s="2">
        <v>644</v>
      </c>
      <c r="E1870" s="13">
        <v>9481</v>
      </c>
    </row>
    <row r="1871" spans="1:5" ht="12.75" hidden="1" outlineLevel="1">
      <c r="A1871" s="1" t="s">
        <v>1863</v>
      </c>
      <c r="B1871" s="2">
        <v>2475</v>
      </c>
      <c r="C1871" s="2">
        <v>1990</v>
      </c>
      <c r="D1871" s="2">
        <v>1500</v>
      </c>
      <c r="E1871" s="13">
        <v>8546</v>
      </c>
    </row>
    <row r="1872" spans="1:5" ht="29.25" hidden="1" outlineLevel="1">
      <c r="A1872" s="1" t="s">
        <v>1864</v>
      </c>
      <c r="B1872" s="2">
        <v>3185</v>
      </c>
      <c r="C1872" s="2">
        <v>2560</v>
      </c>
      <c r="D1872" s="2">
        <v>1930</v>
      </c>
      <c r="E1872" s="13">
        <v>8338</v>
      </c>
    </row>
    <row r="1873" spans="1:5" ht="12.75" hidden="1" outlineLevel="1">
      <c r="A1873" s="1" t="s">
        <v>1865</v>
      </c>
      <c r="B1873" s="2">
        <v>3185</v>
      </c>
      <c r="C1873" s="2">
        <v>2560</v>
      </c>
      <c r="D1873" s="2">
        <v>1930</v>
      </c>
      <c r="E1873" s="13">
        <v>10257</v>
      </c>
    </row>
    <row r="1874" spans="1:5" ht="12.75" hidden="1" outlineLevel="1">
      <c r="A1874" s="1" t="s">
        <v>1866</v>
      </c>
      <c r="B1874" s="2">
        <v>3400</v>
      </c>
      <c r="C1874" s="2">
        <v>2730</v>
      </c>
      <c r="D1874" s="2">
        <v>2060</v>
      </c>
      <c r="E1874" s="13">
        <v>9324</v>
      </c>
    </row>
    <row r="1875" spans="1:5" ht="12.75" hidden="1" outlineLevel="1">
      <c r="A1875" s="1" t="s">
        <v>1867</v>
      </c>
      <c r="B1875" s="2">
        <v>1770</v>
      </c>
      <c r="C1875" s="2">
        <v>1420</v>
      </c>
      <c r="D1875" s="2">
        <v>1075</v>
      </c>
      <c r="E1875" s="13">
        <v>9079</v>
      </c>
    </row>
    <row r="1876" spans="1:5" ht="12.75" hidden="1" outlineLevel="1">
      <c r="A1876" s="1" t="s">
        <v>1868</v>
      </c>
      <c r="B1876" s="2">
        <v>3540</v>
      </c>
      <c r="C1876" s="2">
        <v>2840</v>
      </c>
      <c r="D1876" s="2">
        <v>2145</v>
      </c>
      <c r="E1876" s="13">
        <v>7191</v>
      </c>
    </row>
    <row r="1877" spans="1:5" ht="12.75" hidden="1" outlineLevel="1">
      <c r="A1877" s="1" t="s">
        <v>1869</v>
      </c>
      <c r="B1877" s="2">
        <v>3895</v>
      </c>
      <c r="C1877" s="2">
        <v>3125</v>
      </c>
      <c r="D1877" s="2">
        <v>2360</v>
      </c>
      <c r="E1877" s="13">
        <v>5849</v>
      </c>
    </row>
    <row r="1878" spans="1:5" ht="19.5" hidden="1" outlineLevel="1">
      <c r="A1878" s="1" t="s">
        <v>1870</v>
      </c>
      <c r="B1878" s="2">
        <v>3185</v>
      </c>
      <c r="C1878" s="2">
        <v>2560</v>
      </c>
      <c r="D1878" s="2">
        <v>1930</v>
      </c>
      <c r="E1878" s="13">
        <v>9142</v>
      </c>
    </row>
    <row r="1879" spans="1:5" ht="19.5" hidden="1" outlineLevel="1">
      <c r="A1879" s="1" t="s">
        <v>1871</v>
      </c>
      <c r="B1879" s="2">
        <v>3540</v>
      </c>
      <c r="C1879" s="2">
        <v>2840</v>
      </c>
      <c r="D1879" s="2">
        <v>2145</v>
      </c>
      <c r="E1879" s="13">
        <v>9863</v>
      </c>
    </row>
    <row r="1880" spans="1:5" ht="12.75" hidden="1" outlineLevel="1">
      <c r="A1880" s="1" t="s">
        <v>1872</v>
      </c>
      <c r="B1880" s="2">
        <v>3255</v>
      </c>
      <c r="C1880" s="2">
        <v>2615</v>
      </c>
      <c r="D1880" s="2">
        <v>1975</v>
      </c>
      <c r="E1880" s="13">
        <v>9114</v>
      </c>
    </row>
    <row r="1881" spans="1:5" ht="12.75" hidden="1" outlineLevel="1">
      <c r="A1881" s="1" t="s">
        <v>1873</v>
      </c>
      <c r="B1881" s="2">
        <v>7430</v>
      </c>
      <c r="C1881" s="2">
        <v>5970</v>
      </c>
      <c r="D1881" s="2">
        <v>4505</v>
      </c>
      <c r="E1881" s="13">
        <v>5947</v>
      </c>
    </row>
    <row r="1882" spans="1:5" ht="12.75" hidden="1" outlineLevel="1">
      <c r="A1882" s="1" t="s">
        <v>1874</v>
      </c>
      <c r="B1882" s="2">
        <v>4600</v>
      </c>
      <c r="C1882" s="2">
        <v>3695</v>
      </c>
      <c r="D1882" s="2">
        <v>2790</v>
      </c>
      <c r="E1882" s="13">
        <v>8821</v>
      </c>
    </row>
    <row r="1883" spans="1:5" ht="12.75" hidden="1" outlineLevel="1">
      <c r="A1883" s="1" t="s">
        <v>1875</v>
      </c>
      <c r="B1883" s="2">
        <v>4600</v>
      </c>
      <c r="C1883" s="2">
        <v>3695</v>
      </c>
      <c r="D1883" s="2">
        <v>2790</v>
      </c>
      <c r="E1883" s="13">
        <v>7208</v>
      </c>
    </row>
    <row r="1884" spans="1:5" ht="12.75" hidden="1" outlineLevel="1">
      <c r="A1884" s="1" t="s">
        <v>1876</v>
      </c>
      <c r="B1884" s="2">
        <v>3540</v>
      </c>
      <c r="C1884" s="2">
        <v>2840</v>
      </c>
      <c r="D1884" s="2">
        <v>2145</v>
      </c>
      <c r="E1884" s="13">
        <v>6059</v>
      </c>
    </row>
    <row r="1885" spans="1:5" ht="12.75" hidden="1" outlineLevel="1">
      <c r="A1885" s="1" t="s">
        <v>1877</v>
      </c>
      <c r="B1885" s="2">
        <v>2830</v>
      </c>
      <c r="C1885" s="2">
        <v>2275</v>
      </c>
      <c r="D1885" s="2">
        <v>1715</v>
      </c>
      <c r="E1885" s="13">
        <v>7193</v>
      </c>
    </row>
    <row r="1886" spans="1:5" ht="12.75" hidden="1" outlineLevel="1">
      <c r="A1886" s="1" t="s">
        <v>1878</v>
      </c>
      <c r="B1886" s="2">
        <v>2830</v>
      </c>
      <c r="C1886" s="2">
        <v>2275</v>
      </c>
      <c r="D1886" s="2">
        <v>1715</v>
      </c>
      <c r="E1886" s="13">
        <v>5801</v>
      </c>
    </row>
    <row r="1887" spans="1:5" ht="19.5" hidden="1" outlineLevel="1">
      <c r="A1887" s="1" t="s">
        <v>1879</v>
      </c>
      <c r="B1887" s="2">
        <v>8495</v>
      </c>
      <c r="C1887" s="2">
        <v>6820</v>
      </c>
      <c r="D1887" s="2">
        <v>5150</v>
      </c>
      <c r="E1887" s="13">
        <v>7515</v>
      </c>
    </row>
    <row r="1888" spans="1:5" ht="12.75" hidden="1" outlineLevel="1">
      <c r="A1888" s="1" t="s">
        <v>1880</v>
      </c>
      <c r="B1888" s="2">
        <v>1060</v>
      </c>
      <c r="C1888" s="2">
        <v>855</v>
      </c>
      <c r="D1888" s="2">
        <v>644</v>
      </c>
      <c r="E1888" s="13">
        <v>7426</v>
      </c>
    </row>
    <row r="1889" spans="1:5" ht="12.75" hidden="1" outlineLevel="1">
      <c r="A1889" s="1" t="s">
        <v>1881</v>
      </c>
      <c r="B1889" s="2">
        <v>1060</v>
      </c>
      <c r="C1889" s="2">
        <v>855</v>
      </c>
      <c r="D1889" s="2">
        <v>644</v>
      </c>
      <c r="E1889" s="13">
        <v>7425</v>
      </c>
    </row>
    <row r="1890" spans="1:5" ht="12.75" hidden="1" outlineLevel="1">
      <c r="A1890" s="1" t="s">
        <v>1882</v>
      </c>
      <c r="B1890" s="2">
        <v>1770</v>
      </c>
      <c r="C1890" s="2">
        <v>1420</v>
      </c>
      <c r="D1890" s="2">
        <v>1075</v>
      </c>
      <c r="E1890" s="13">
        <v>9876</v>
      </c>
    </row>
    <row r="1891" spans="1:5" ht="12.75" hidden="1" outlineLevel="1">
      <c r="A1891" s="1" t="s">
        <v>1883</v>
      </c>
      <c r="B1891" s="2">
        <v>1770</v>
      </c>
      <c r="C1891" s="2">
        <v>1420</v>
      </c>
      <c r="D1891" s="2">
        <v>1075</v>
      </c>
      <c r="E1891" s="13">
        <v>9877</v>
      </c>
    </row>
    <row r="1892" spans="1:5" ht="12.75" hidden="1" outlineLevel="1">
      <c r="A1892" s="1" t="s">
        <v>1884</v>
      </c>
      <c r="B1892" s="2">
        <v>1770</v>
      </c>
      <c r="C1892" s="2">
        <v>1420</v>
      </c>
      <c r="D1892" s="2">
        <v>1075</v>
      </c>
      <c r="E1892" s="13">
        <v>9878</v>
      </c>
    </row>
    <row r="1893" spans="1:5" ht="12.75" hidden="1" outlineLevel="1">
      <c r="A1893" s="1" t="s">
        <v>1885</v>
      </c>
      <c r="B1893" s="2">
        <v>354</v>
      </c>
      <c r="C1893" s="2">
        <v>284.2</v>
      </c>
      <c r="D1893" s="2">
        <v>214.5</v>
      </c>
      <c r="E1893" s="13">
        <v>7509</v>
      </c>
    </row>
    <row r="1894" spans="1:5" ht="12.75" hidden="1" outlineLevel="1">
      <c r="A1894" s="1" t="s">
        <v>1886</v>
      </c>
      <c r="B1894" s="2">
        <v>354</v>
      </c>
      <c r="C1894" s="2">
        <v>284.2</v>
      </c>
      <c r="D1894" s="2">
        <v>214.5</v>
      </c>
      <c r="E1894" s="13">
        <v>7510</v>
      </c>
    </row>
    <row r="1895" spans="1:5" ht="12.75" hidden="1" outlineLevel="1">
      <c r="A1895" s="1" t="s">
        <v>1887</v>
      </c>
      <c r="B1895" s="2">
        <v>354</v>
      </c>
      <c r="C1895" s="2">
        <v>284.2</v>
      </c>
      <c r="D1895" s="2">
        <v>214.5</v>
      </c>
      <c r="E1895" s="13">
        <v>7511</v>
      </c>
    </row>
    <row r="1896" spans="1:5" ht="12.75" hidden="1" outlineLevel="1">
      <c r="A1896" s="1" t="s">
        <v>1888</v>
      </c>
      <c r="B1896" s="2">
        <v>354</v>
      </c>
      <c r="C1896" s="2">
        <v>284.2</v>
      </c>
      <c r="D1896" s="2">
        <v>214.5</v>
      </c>
      <c r="E1896" s="13">
        <v>7512</v>
      </c>
    </row>
    <row r="1897" spans="1:5" ht="12.75" hidden="1" outlineLevel="1">
      <c r="A1897" s="1" t="s">
        <v>1889</v>
      </c>
      <c r="B1897" s="2">
        <v>354</v>
      </c>
      <c r="C1897" s="2">
        <v>284.2</v>
      </c>
      <c r="D1897" s="2">
        <v>214.5</v>
      </c>
      <c r="E1897" s="13">
        <v>6055</v>
      </c>
    </row>
    <row r="1898" spans="1:5" ht="12.75" hidden="1" outlineLevel="1">
      <c r="A1898" s="1" t="s">
        <v>1890</v>
      </c>
      <c r="B1898" s="2">
        <v>375</v>
      </c>
      <c r="C1898" s="2">
        <v>301</v>
      </c>
      <c r="D1898" s="2">
        <v>227.4</v>
      </c>
      <c r="E1898" s="13">
        <v>6056</v>
      </c>
    </row>
    <row r="1899" spans="1:5" ht="12.75" hidden="1" outlineLevel="1">
      <c r="A1899" s="1" t="s">
        <v>1891</v>
      </c>
      <c r="B1899" s="2">
        <v>375</v>
      </c>
      <c r="C1899" s="2">
        <v>301</v>
      </c>
      <c r="D1899" s="2">
        <v>227.4</v>
      </c>
      <c r="E1899" s="13">
        <v>6057</v>
      </c>
    </row>
    <row r="1900" spans="1:5" ht="12.75" hidden="1" outlineLevel="1">
      <c r="A1900" s="1" t="s">
        <v>1892</v>
      </c>
      <c r="B1900" s="2">
        <v>375</v>
      </c>
      <c r="C1900" s="2">
        <v>301</v>
      </c>
      <c r="D1900" s="2">
        <v>227.4</v>
      </c>
      <c r="E1900" s="13">
        <v>6058</v>
      </c>
    </row>
    <row r="1901" spans="1:5" ht="12.75" hidden="1" outlineLevel="1">
      <c r="A1901" s="1" t="s">
        <v>1893</v>
      </c>
      <c r="B1901" s="2">
        <v>1485</v>
      </c>
      <c r="C1901" s="2">
        <v>1195</v>
      </c>
      <c r="D1901" s="2">
        <v>900</v>
      </c>
      <c r="E1901" s="13">
        <v>6052</v>
      </c>
    </row>
    <row r="1902" spans="1:5" ht="12.75" hidden="1" outlineLevel="1">
      <c r="A1902" s="1" t="s">
        <v>1894</v>
      </c>
      <c r="B1902" s="2">
        <v>1485</v>
      </c>
      <c r="C1902" s="2">
        <v>1195</v>
      </c>
      <c r="D1902" s="2">
        <v>900</v>
      </c>
      <c r="E1902" s="13">
        <v>6051</v>
      </c>
    </row>
    <row r="1903" spans="1:5" ht="12.75" hidden="1" outlineLevel="1">
      <c r="A1903" s="1" t="s">
        <v>1895</v>
      </c>
      <c r="B1903" s="2">
        <v>1485</v>
      </c>
      <c r="C1903" s="2">
        <v>1195</v>
      </c>
      <c r="D1903" s="2">
        <v>900</v>
      </c>
      <c r="E1903" s="13">
        <v>6050</v>
      </c>
    </row>
    <row r="1904" spans="1:5" ht="12.75" hidden="1" outlineLevel="1">
      <c r="A1904" s="1" t="s">
        <v>1896</v>
      </c>
      <c r="B1904" s="2">
        <v>1485</v>
      </c>
      <c r="C1904" s="2">
        <v>1195</v>
      </c>
      <c r="D1904" s="2">
        <v>900</v>
      </c>
      <c r="E1904" s="13">
        <v>6049</v>
      </c>
    </row>
    <row r="1905" spans="1:5" ht="19.5" hidden="1" outlineLevel="1">
      <c r="A1905" s="1" t="s">
        <v>1897</v>
      </c>
      <c r="B1905" s="2">
        <v>389</v>
      </c>
      <c r="C1905" s="2">
        <v>313</v>
      </c>
      <c r="D1905" s="2">
        <v>236</v>
      </c>
      <c r="E1905" s="13">
        <v>6347</v>
      </c>
    </row>
    <row r="1906" spans="1:5" ht="19.5" hidden="1" outlineLevel="1">
      <c r="A1906" s="1" t="s">
        <v>1898</v>
      </c>
      <c r="B1906" s="2">
        <v>885</v>
      </c>
      <c r="C1906" s="2">
        <v>710</v>
      </c>
      <c r="D1906" s="2">
        <v>536</v>
      </c>
      <c r="E1906" s="13">
        <v>6333</v>
      </c>
    </row>
    <row r="1907" spans="1:5" ht="19.5" hidden="1" outlineLevel="1">
      <c r="A1907" s="1" t="s">
        <v>1899</v>
      </c>
      <c r="B1907" s="2">
        <v>885</v>
      </c>
      <c r="C1907" s="2">
        <v>710</v>
      </c>
      <c r="D1907" s="2">
        <v>536</v>
      </c>
      <c r="E1907" s="13">
        <v>6348</v>
      </c>
    </row>
    <row r="1908" spans="1:5" ht="19.5" hidden="1" outlineLevel="1">
      <c r="A1908" s="1" t="s">
        <v>1900</v>
      </c>
      <c r="B1908" s="2">
        <v>885</v>
      </c>
      <c r="C1908" s="2">
        <v>710</v>
      </c>
      <c r="D1908" s="2">
        <v>536</v>
      </c>
      <c r="E1908" s="13">
        <v>8762</v>
      </c>
    </row>
    <row r="1909" spans="1:5" ht="19.5" hidden="1" outlineLevel="1">
      <c r="A1909" s="1" t="s">
        <v>1901</v>
      </c>
      <c r="B1909" s="2">
        <v>885</v>
      </c>
      <c r="C1909" s="2">
        <v>710</v>
      </c>
      <c r="D1909" s="2">
        <v>536</v>
      </c>
      <c r="E1909" s="13">
        <v>8763</v>
      </c>
    </row>
    <row r="1910" spans="1:5" ht="12.75" hidden="1" outlineLevel="1">
      <c r="A1910" s="1" t="s">
        <v>1902</v>
      </c>
      <c r="B1910" s="2">
        <v>2125</v>
      </c>
      <c r="C1910" s="2">
        <v>1705</v>
      </c>
      <c r="D1910" s="2">
        <v>1285</v>
      </c>
      <c r="E1910" s="13">
        <v>8766</v>
      </c>
    </row>
    <row r="1911" spans="1:5" ht="12.75" hidden="1" outlineLevel="1">
      <c r="A1911" s="1" t="s">
        <v>1903</v>
      </c>
      <c r="B1911" s="2">
        <v>2125</v>
      </c>
      <c r="C1911" s="2">
        <v>1705</v>
      </c>
      <c r="D1911" s="2">
        <v>1285</v>
      </c>
      <c r="E1911" s="13">
        <v>8767</v>
      </c>
    </row>
    <row r="1912" spans="1:5" ht="12.75" hidden="1" outlineLevel="1">
      <c r="A1912" s="1" t="s">
        <v>1904</v>
      </c>
      <c r="B1912" s="2">
        <v>2125</v>
      </c>
      <c r="C1912" s="2">
        <v>1705</v>
      </c>
      <c r="D1912" s="2">
        <v>1285</v>
      </c>
      <c r="E1912" s="13">
        <v>8768</v>
      </c>
    </row>
    <row r="1913" spans="1:5" ht="12.75" hidden="1" outlineLevel="1">
      <c r="A1913" s="1" t="s">
        <v>1905</v>
      </c>
      <c r="B1913" s="2">
        <v>2125</v>
      </c>
      <c r="C1913" s="2">
        <v>1705</v>
      </c>
      <c r="D1913" s="2">
        <v>1285</v>
      </c>
      <c r="E1913" s="13">
        <v>8769</v>
      </c>
    </row>
    <row r="1914" spans="1:5" ht="12.75" hidden="1" outlineLevel="1">
      <c r="A1914" s="1" t="s">
        <v>1906</v>
      </c>
      <c r="B1914" s="2">
        <v>3400</v>
      </c>
      <c r="C1914" s="2">
        <v>2730</v>
      </c>
      <c r="D1914" s="2">
        <v>2060</v>
      </c>
      <c r="E1914" s="13">
        <v>8530</v>
      </c>
    </row>
    <row r="1915" spans="1:5" ht="29.25" hidden="1" outlineLevel="1">
      <c r="A1915" s="1" t="s">
        <v>1907</v>
      </c>
      <c r="B1915" s="2">
        <v>1415</v>
      </c>
      <c r="C1915" s="2">
        <v>1135</v>
      </c>
      <c r="D1915" s="2">
        <v>860</v>
      </c>
      <c r="E1915" s="13">
        <v>6076</v>
      </c>
    </row>
    <row r="1916" spans="1:5" ht="12.75" hidden="1" outlineLevel="1">
      <c r="A1916" s="1" t="s">
        <v>1908</v>
      </c>
      <c r="B1916" s="2">
        <v>1415</v>
      </c>
      <c r="C1916" s="2">
        <v>1135</v>
      </c>
      <c r="D1916" s="2">
        <v>860</v>
      </c>
      <c r="E1916" s="13">
        <v>9257</v>
      </c>
    </row>
    <row r="1917" spans="1:5" ht="12.75" hidden="1" outlineLevel="1">
      <c r="A1917" s="1" t="s">
        <v>1909</v>
      </c>
      <c r="B1917" s="2">
        <v>1415</v>
      </c>
      <c r="C1917" s="2">
        <v>1135</v>
      </c>
      <c r="D1917" s="2">
        <v>860</v>
      </c>
      <c r="E1917" s="13">
        <v>9258</v>
      </c>
    </row>
    <row r="1918" spans="1:5" ht="12.75" hidden="1" outlineLevel="1">
      <c r="A1918" s="1" t="s">
        <v>1910</v>
      </c>
      <c r="B1918" s="2">
        <v>1415</v>
      </c>
      <c r="C1918" s="2">
        <v>1135</v>
      </c>
      <c r="D1918" s="2">
        <v>860</v>
      </c>
      <c r="E1918" s="13">
        <v>9677</v>
      </c>
    </row>
    <row r="1919" spans="1:5" ht="12.75" hidden="1" outlineLevel="1">
      <c r="A1919" s="1" t="s">
        <v>1911</v>
      </c>
      <c r="B1919" s="2">
        <v>2475</v>
      </c>
      <c r="C1919" s="2">
        <v>1990</v>
      </c>
      <c r="D1919" s="2">
        <v>1500</v>
      </c>
      <c r="E1919" s="13">
        <v>9678</v>
      </c>
    </row>
    <row r="1920" spans="1:5" ht="12.75" hidden="1" outlineLevel="1">
      <c r="A1920" s="1" t="s">
        <v>1912</v>
      </c>
      <c r="B1920" s="2">
        <v>2830</v>
      </c>
      <c r="C1920" s="2">
        <v>2275</v>
      </c>
      <c r="D1920" s="2">
        <v>1715</v>
      </c>
      <c r="E1920" s="13">
        <v>7792</v>
      </c>
    </row>
    <row r="1921" spans="1:5" ht="12.75" hidden="1" outlineLevel="1">
      <c r="A1921" s="1" t="s">
        <v>1913</v>
      </c>
      <c r="B1921" s="2">
        <v>2830</v>
      </c>
      <c r="C1921" s="2">
        <v>2275</v>
      </c>
      <c r="D1921" s="2">
        <v>1715</v>
      </c>
      <c r="E1921" s="13">
        <v>7931</v>
      </c>
    </row>
    <row r="1922" spans="1:5" ht="12.75" hidden="1" outlineLevel="1">
      <c r="A1922" s="1" t="s">
        <v>1914</v>
      </c>
      <c r="B1922" s="2">
        <v>1415</v>
      </c>
      <c r="C1922" s="2">
        <v>1135</v>
      </c>
      <c r="D1922" s="2">
        <v>860</v>
      </c>
      <c r="E1922" s="13">
        <v>9260</v>
      </c>
    </row>
    <row r="1923" spans="1:5" ht="12.75" hidden="1" outlineLevel="1">
      <c r="A1923" s="1" t="s">
        <v>1915</v>
      </c>
      <c r="B1923" s="2">
        <v>2125</v>
      </c>
      <c r="C1923" s="2">
        <v>1705</v>
      </c>
      <c r="D1923" s="2">
        <v>1285</v>
      </c>
      <c r="E1923" s="13">
        <v>7929</v>
      </c>
    </row>
    <row r="1924" spans="1:5" ht="12.75" hidden="1" outlineLevel="1">
      <c r="A1924" s="1" t="s">
        <v>1916</v>
      </c>
      <c r="B1924" s="2">
        <v>2125</v>
      </c>
      <c r="C1924" s="2">
        <v>1705</v>
      </c>
      <c r="D1924" s="2">
        <v>1285</v>
      </c>
      <c r="E1924" s="13">
        <v>7930</v>
      </c>
    </row>
    <row r="1925" spans="1:5" ht="12.75" hidden="1" outlineLevel="1">
      <c r="A1925" s="1" t="s">
        <v>1917</v>
      </c>
      <c r="B1925" s="2">
        <v>1415</v>
      </c>
      <c r="C1925" s="2">
        <v>1135</v>
      </c>
      <c r="D1925" s="2">
        <v>860</v>
      </c>
      <c r="E1925" s="13">
        <v>9256</v>
      </c>
    </row>
    <row r="1926" spans="1:5" ht="12.75" hidden="1" outlineLevel="1">
      <c r="A1926" s="1" t="s">
        <v>1918</v>
      </c>
      <c r="B1926" s="2">
        <v>710</v>
      </c>
      <c r="C1926" s="2">
        <v>568</v>
      </c>
      <c r="D1926" s="2">
        <v>429</v>
      </c>
      <c r="E1926" s="13">
        <v>9924</v>
      </c>
    </row>
    <row r="1927" spans="1:5" ht="19.5" hidden="1" outlineLevel="1">
      <c r="A1927" s="1" t="s">
        <v>1919</v>
      </c>
      <c r="B1927" s="2">
        <v>673</v>
      </c>
      <c r="C1927" s="2">
        <v>540</v>
      </c>
      <c r="D1927" s="2">
        <v>408</v>
      </c>
      <c r="E1927" s="13">
        <v>7928</v>
      </c>
    </row>
    <row r="1928" spans="1:5" ht="12.75" hidden="1" outlineLevel="1">
      <c r="A1928" s="1" t="s">
        <v>1920</v>
      </c>
      <c r="B1928" s="2">
        <v>354</v>
      </c>
      <c r="C1928" s="2">
        <v>284.2</v>
      </c>
      <c r="D1928" s="2">
        <v>214.5</v>
      </c>
      <c r="E1928" s="13">
        <v>8611</v>
      </c>
    </row>
    <row r="1929" spans="1:5" ht="19.5" hidden="1" outlineLevel="1">
      <c r="A1929" s="1" t="s">
        <v>1921</v>
      </c>
      <c r="B1929" s="2">
        <v>637</v>
      </c>
      <c r="C1929" s="2">
        <v>512</v>
      </c>
      <c r="D1929" s="2">
        <v>386</v>
      </c>
      <c r="E1929" s="13">
        <v>10018</v>
      </c>
    </row>
    <row r="1930" spans="1:5" ht="12.75" hidden="1" outlineLevel="1">
      <c r="A1930" s="1" t="s">
        <v>1922</v>
      </c>
      <c r="B1930" s="2">
        <v>354</v>
      </c>
      <c r="C1930" s="2">
        <v>284.2</v>
      </c>
      <c r="D1930" s="2">
        <v>214.5</v>
      </c>
      <c r="E1930" s="13">
        <v>10337</v>
      </c>
    </row>
    <row r="1931" spans="1:5" ht="12.75" hidden="1" outlineLevel="1">
      <c r="A1931" s="1" t="s">
        <v>1923</v>
      </c>
      <c r="B1931" s="2">
        <v>354</v>
      </c>
      <c r="C1931" s="2">
        <v>284.2</v>
      </c>
      <c r="D1931" s="2">
        <v>214.5</v>
      </c>
      <c r="E1931" s="13">
        <v>10338</v>
      </c>
    </row>
    <row r="1932" spans="1:5" ht="12.75" hidden="1" outlineLevel="1">
      <c r="A1932" s="1" t="s">
        <v>1924</v>
      </c>
      <c r="B1932" s="2">
        <v>354</v>
      </c>
      <c r="C1932" s="2">
        <v>284.2</v>
      </c>
      <c r="D1932" s="2">
        <v>214.5</v>
      </c>
      <c r="E1932" s="13">
        <v>10339</v>
      </c>
    </row>
    <row r="1933" spans="1:5" ht="19.5" hidden="1" outlineLevel="1">
      <c r="A1933" s="1" t="s">
        <v>1925</v>
      </c>
      <c r="B1933" s="2">
        <v>1060</v>
      </c>
      <c r="C1933" s="2">
        <v>855</v>
      </c>
      <c r="D1933" s="2">
        <v>644</v>
      </c>
      <c r="E1933" s="13">
        <v>6727</v>
      </c>
    </row>
    <row r="1934" spans="1:5" ht="12.75" hidden="1" outlineLevel="1">
      <c r="A1934" s="1" t="s">
        <v>1926</v>
      </c>
      <c r="B1934" s="2">
        <v>566</v>
      </c>
      <c r="C1934" s="2">
        <v>455</v>
      </c>
      <c r="D1934" s="2">
        <v>343</v>
      </c>
      <c r="E1934" s="13">
        <v>10329</v>
      </c>
    </row>
    <row r="1935" spans="1:5" ht="12.75" hidden="1" outlineLevel="1">
      <c r="A1935" s="1" t="s">
        <v>1927</v>
      </c>
      <c r="B1935" s="2">
        <v>566</v>
      </c>
      <c r="C1935" s="2">
        <v>455</v>
      </c>
      <c r="D1935" s="2">
        <v>343</v>
      </c>
      <c r="E1935" s="13">
        <v>10022</v>
      </c>
    </row>
    <row r="1936" spans="1:5" ht="12.75" hidden="1" outlineLevel="1">
      <c r="A1936" s="1" t="s">
        <v>1928</v>
      </c>
      <c r="B1936" s="2">
        <v>566</v>
      </c>
      <c r="C1936" s="2">
        <v>455</v>
      </c>
      <c r="D1936" s="2">
        <v>343</v>
      </c>
      <c r="E1936" s="13">
        <v>10330</v>
      </c>
    </row>
    <row r="1937" spans="1:5" ht="12.75" hidden="1" outlineLevel="1">
      <c r="A1937" s="1" t="s">
        <v>1929</v>
      </c>
      <c r="B1937" s="2">
        <v>4460</v>
      </c>
      <c r="C1937" s="2">
        <v>3580</v>
      </c>
      <c r="D1937" s="2">
        <v>2705</v>
      </c>
      <c r="E1937" s="13">
        <v>8337</v>
      </c>
    </row>
    <row r="1938" spans="1:5" ht="12.75" hidden="1" outlineLevel="1">
      <c r="A1938" s="1" t="s">
        <v>1930</v>
      </c>
      <c r="B1938" s="2">
        <v>4460</v>
      </c>
      <c r="C1938" s="2">
        <v>3580</v>
      </c>
      <c r="D1938" s="2">
        <v>2705</v>
      </c>
      <c r="E1938" s="13">
        <v>10015</v>
      </c>
    </row>
    <row r="1939" spans="1:5" ht="12.75" hidden="1" outlineLevel="1">
      <c r="A1939" s="1" t="s">
        <v>1931</v>
      </c>
      <c r="B1939" s="2">
        <v>4460</v>
      </c>
      <c r="C1939" s="2">
        <v>3580</v>
      </c>
      <c r="D1939" s="2">
        <v>2705</v>
      </c>
      <c r="E1939" s="13">
        <v>10016</v>
      </c>
    </row>
    <row r="1940" spans="1:5" ht="12.75" hidden="1" outlineLevel="1">
      <c r="A1940" s="1" t="s">
        <v>1932</v>
      </c>
      <c r="B1940" s="2">
        <v>4460</v>
      </c>
      <c r="C1940" s="2">
        <v>3580</v>
      </c>
      <c r="D1940" s="2">
        <v>2705</v>
      </c>
      <c r="E1940" s="13">
        <v>6053</v>
      </c>
    </row>
    <row r="1941" spans="1:5" ht="12.75" hidden="1" outlineLevel="1">
      <c r="A1941" s="1" t="s">
        <v>1933</v>
      </c>
      <c r="B1941" s="2">
        <v>1415</v>
      </c>
      <c r="C1941" s="2">
        <v>1135</v>
      </c>
      <c r="D1941" s="2">
        <v>860</v>
      </c>
      <c r="E1941" s="13">
        <v>8484</v>
      </c>
    </row>
    <row r="1942" spans="1:5" ht="12.75" hidden="1" outlineLevel="1">
      <c r="A1942" s="1" t="s">
        <v>1934</v>
      </c>
      <c r="B1942" s="2">
        <v>4245</v>
      </c>
      <c r="C1942" s="2">
        <v>3410</v>
      </c>
      <c r="D1942" s="2">
        <v>2575</v>
      </c>
      <c r="E1942" s="13">
        <v>6073</v>
      </c>
    </row>
    <row r="1943" spans="1:5" ht="12.75" hidden="1" outlineLevel="1">
      <c r="A1943" s="1" t="s">
        <v>1935</v>
      </c>
      <c r="B1943" s="2">
        <v>4245</v>
      </c>
      <c r="C1943" s="2">
        <v>3410</v>
      </c>
      <c r="D1943" s="2">
        <v>2575</v>
      </c>
      <c r="E1943" s="13">
        <v>8362</v>
      </c>
    </row>
    <row r="1944" spans="1:5" ht="12.75" hidden="1" outlineLevel="1">
      <c r="A1944" s="1" t="s">
        <v>1936</v>
      </c>
      <c r="B1944" s="2">
        <v>4245</v>
      </c>
      <c r="C1944" s="2">
        <v>3410</v>
      </c>
      <c r="D1944" s="2">
        <v>2575</v>
      </c>
      <c r="E1944" s="13">
        <v>10023</v>
      </c>
    </row>
    <row r="1945" spans="1:5" ht="12.75" hidden="1" outlineLevel="1">
      <c r="A1945" s="1" t="s">
        <v>1937</v>
      </c>
      <c r="B1945" s="2">
        <v>710</v>
      </c>
      <c r="C1945" s="2">
        <v>568</v>
      </c>
      <c r="D1945" s="2">
        <v>429</v>
      </c>
      <c r="E1945" s="13">
        <v>10021</v>
      </c>
    </row>
    <row r="1946" spans="1:5" ht="12.75" hidden="1" outlineLevel="1">
      <c r="A1946" s="1" t="s">
        <v>1938</v>
      </c>
      <c r="B1946" s="2">
        <v>710</v>
      </c>
      <c r="C1946" s="2">
        <v>568</v>
      </c>
      <c r="D1946" s="2">
        <v>429</v>
      </c>
      <c r="E1946" s="13">
        <v>7988</v>
      </c>
    </row>
    <row r="1947" spans="1:5" ht="12.75" hidden="1" outlineLevel="1">
      <c r="A1947" s="1" t="s">
        <v>1939</v>
      </c>
      <c r="B1947" s="2">
        <v>637</v>
      </c>
      <c r="C1947" s="2">
        <v>512</v>
      </c>
      <c r="D1947" s="2">
        <v>386</v>
      </c>
      <c r="E1947" s="13">
        <v>8881</v>
      </c>
    </row>
    <row r="1948" spans="1:5" ht="12.75" hidden="1" outlineLevel="1">
      <c r="A1948" s="1" t="s">
        <v>1940</v>
      </c>
      <c r="B1948" s="2">
        <v>354</v>
      </c>
      <c r="C1948" s="2">
        <v>284.2</v>
      </c>
      <c r="D1948" s="2">
        <v>214.5</v>
      </c>
      <c r="E1948" s="13">
        <v>6072</v>
      </c>
    </row>
    <row r="1949" spans="1:5" ht="12.75" hidden="1" outlineLevel="1">
      <c r="A1949" s="1" t="s">
        <v>1941</v>
      </c>
      <c r="B1949" s="2">
        <v>4245</v>
      </c>
      <c r="C1949" s="2">
        <v>3410</v>
      </c>
      <c r="D1949" s="2">
        <v>2575</v>
      </c>
      <c r="E1949" s="13">
        <v>9301</v>
      </c>
    </row>
    <row r="1950" spans="1:5" ht="12.75" hidden="1" outlineLevel="1">
      <c r="A1950" s="1" t="s">
        <v>1942</v>
      </c>
      <c r="B1950" s="2">
        <v>1770</v>
      </c>
      <c r="C1950" s="2">
        <v>1420</v>
      </c>
      <c r="D1950" s="2">
        <v>1075</v>
      </c>
      <c r="E1950" s="13">
        <v>10288</v>
      </c>
    </row>
    <row r="1951" spans="1:5" ht="12.75" hidden="1" outlineLevel="1">
      <c r="A1951" s="1" t="s">
        <v>1943</v>
      </c>
      <c r="B1951" s="2">
        <v>637</v>
      </c>
      <c r="C1951" s="2">
        <v>512</v>
      </c>
      <c r="D1951" s="2">
        <v>386</v>
      </c>
      <c r="E1951" s="13">
        <v>9124</v>
      </c>
    </row>
    <row r="1952" spans="1:5" ht="19.5" hidden="1" outlineLevel="1">
      <c r="A1952" s="1" t="s">
        <v>1944</v>
      </c>
      <c r="B1952" s="2">
        <v>1415</v>
      </c>
      <c r="C1952" s="2">
        <v>1135</v>
      </c>
      <c r="D1952" s="2">
        <v>860</v>
      </c>
      <c r="E1952" s="13">
        <v>8547</v>
      </c>
    </row>
    <row r="1953" spans="1:5" ht="19.5" hidden="1" outlineLevel="1">
      <c r="A1953" s="1" t="s">
        <v>1945</v>
      </c>
      <c r="B1953" s="2">
        <v>12740</v>
      </c>
      <c r="C1953" s="2">
        <v>10230</v>
      </c>
      <c r="D1953" s="2">
        <v>7720</v>
      </c>
      <c r="E1953" s="13">
        <v>10020</v>
      </c>
    </row>
    <row r="1954" spans="1:5" ht="19.5" hidden="1" outlineLevel="1">
      <c r="A1954" s="1" t="s">
        <v>1946</v>
      </c>
      <c r="B1954" s="2">
        <v>1415</v>
      </c>
      <c r="C1954" s="2">
        <v>1135</v>
      </c>
      <c r="D1954" s="2">
        <v>860</v>
      </c>
      <c r="E1954" s="13">
        <v>8548</v>
      </c>
    </row>
    <row r="1955" spans="1:5" ht="12.75" hidden="1" outlineLevel="1">
      <c r="A1955" s="1" t="s">
        <v>1947</v>
      </c>
      <c r="B1955" s="2">
        <v>4245</v>
      </c>
      <c r="C1955" s="2">
        <v>3410</v>
      </c>
      <c r="D1955" s="2">
        <v>2575</v>
      </c>
      <c r="E1955" s="13">
        <v>9259</v>
      </c>
    </row>
    <row r="1956" spans="1:5" ht="12.75" hidden="1" outlineLevel="1">
      <c r="A1956" s="1" t="s">
        <v>1948</v>
      </c>
      <c r="B1956" s="2">
        <v>4600</v>
      </c>
      <c r="C1956" s="2">
        <v>3695</v>
      </c>
      <c r="D1956" s="2">
        <v>2790</v>
      </c>
      <c r="E1956" s="13">
        <v>6061</v>
      </c>
    </row>
    <row r="1957" spans="1:5" ht="12.75" hidden="1" outlineLevel="1">
      <c r="A1957" s="1" t="s">
        <v>1949</v>
      </c>
      <c r="B1957" s="2">
        <v>710</v>
      </c>
      <c r="C1957" s="2">
        <v>568</v>
      </c>
      <c r="D1957" s="2">
        <v>429</v>
      </c>
      <c r="E1957" s="13">
        <v>10293</v>
      </c>
    </row>
    <row r="1958" spans="1:5" ht="12.75" hidden="1" outlineLevel="1">
      <c r="A1958" s="1" t="s">
        <v>1950</v>
      </c>
      <c r="B1958" s="2">
        <v>1060</v>
      </c>
      <c r="C1958" s="2">
        <v>855</v>
      </c>
      <c r="D1958" s="2">
        <v>644</v>
      </c>
      <c r="E1958" s="13">
        <v>8242</v>
      </c>
    </row>
    <row r="1959" spans="1:5" ht="12.75" hidden="1" outlineLevel="1">
      <c r="A1959" s="1" t="s">
        <v>1951</v>
      </c>
      <c r="B1959" s="2">
        <v>1060</v>
      </c>
      <c r="C1959" s="2">
        <v>855</v>
      </c>
      <c r="D1959" s="2">
        <v>644</v>
      </c>
      <c r="E1959" s="13">
        <v>8243</v>
      </c>
    </row>
    <row r="1960" spans="1:5" ht="12.75" hidden="1" outlineLevel="1">
      <c r="A1960" s="1" t="s">
        <v>1952</v>
      </c>
      <c r="B1960" s="2">
        <v>1060</v>
      </c>
      <c r="C1960" s="2">
        <v>855</v>
      </c>
      <c r="D1960" s="2">
        <v>644</v>
      </c>
      <c r="E1960" s="13">
        <v>8245</v>
      </c>
    </row>
    <row r="1961" spans="1:5" ht="12.75" hidden="1" outlineLevel="1">
      <c r="A1961" s="1" t="s">
        <v>1953</v>
      </c>
      <c r="B1961" s="2">
        <v>1060</v>
      </c>
      <c r="C1961" s="2">
        <v>855</v>
      </c>
      <c r="D1961" s="2">
        <v>644</v>
      </c>
      <c r="E1961" s="13">
        <v>8244</v>
      </c>
    </row>
    <row r="1962" spans="1:5" ht="12.75" hidden="1" outlineLevel="1">
      <c r="A1962" s="1" t="s">
        <v>1954</v>
      </c>
      <c r="B1962" s="2">
        <v>1135</v>
      </c>
      <c r="C1962" s="2">
        <v>910</v>
      </c>
      <c r="D1962" s="2">
        <v>686</v>
      </c>
      <c r="E1962" s="13">
        <v>9117</v>
      </c>
    </row>
    <row r="1963" spans="1:5" ht="12.75" hidden="1" outlineLevel="1">
      <c r="A1963" s="1" t="s">
        <v>1955</v>
      </c>
      <c r="B1963" s="2">
        <v>1135</v>
      </c>
      <c r="C1963" s="2">
        <v>910</v>
      </c>
      <c r="D1963" s="2">
        <v>686</v>
      </c>
      <c r="E1963" s="13">
        <v>9118</v>
      </c>
    </row>
    <row r="1964" spans="1:5" ht="12.75" hidden="1" outlineLevel="1">
      <c r="A1964" s="1" t="s">
        <v>1956</v>
      </c>
      <c r="B1964" s="2">
        <v>1135</v>
      </c>
      <c r="C1964" s="2">
        <v>910</v>
      </c>
      <c r="D1964" s="2">
        <v>686</v>
      </c>
      <c r="E1964" s="13">
        <v>9119</v>
      </c>
    </row>
    <row r="1965" spans="1:5" ht="12.75" hidden="1" outlineLevel="1">
      <c r="A1965" s="1" t="s">
        <v>1957</v>
      </c>
      <c r="B1965" s="2">
        <v>1135</v>
      </c>
      <c r="C1965" s="2">
        <v>910</v>
      </c>
      <c r="D1965" s="2">
        <v>686</v>
      </c>
      <c r="E1965" s="13">
        <v>9120</v>
      </c>
    </row>
    <row r="1966" spans="1:5" ht="12.75" hidden="1" outlineLevel="1">
      <c r="A1966" s="1" t="s">
        <v>1958</v>
      </c>
      <c r="B1966" s="2">
        <v>710</v>
      </c>
      <c r="C1966" s="2">
        <v>568</v>
      </c>
      <c r="D1966" s="2">
        <v>429</v>
      </c>
      <c r="E1966" s="13">
        <v>8626</v>
      </c>
    </row>
    <row r="1967" spans="1:5" ht="12.75" hidden="1" outlineLevel="1">
      <c r="A1967" s="1" t="s">
        <v>1959</v>
      </c>
      <c r="B1967" s="2">
        <v>710</v>
      </c>
      <c r="C1967" s="2">
        <v>568</v>
      </c>
      <c r="D1967" s="2">
        <v>429</v>
      </c>
      <c r="E1967" s="13">
        <v>8627</v>
      </c>
    </row>
    <row r="1968" spans="1:5" ht="12.75" hidden="1" outlineLevel="1">
      <c r="A1968" s="1" t="s">
        <v>1960</v>
      </c>
      <c r="B1968" s="2">
        <v>710</v>
      </c>
      <c r="C1968" s="2">
        <v>568</v>
      </c>
      <c r="D1968" s="2">
        <v>429</v>
      </c>
      <c r="E1968" s="13">
        <v>8631</v>
      </c>
    </row>
    <row r="1969" spans="1:5" ht="12.75" hidden="1" outlineLevel="1">
      <c r="A1969" s="1" t="s">
        <v>1961</v>
      </c>
      <c r="B1969" s="2">
        <v>710</v>
      </c>
      <c r="C1969" s="2">
        <v>568</v>
      </c>
      <c r="D1969" s="2">
        <v>429</v>
      </c>
      <c r="E1969" s="13">
        <v>8628</v>
      </c>
    </row>
    <row r="1970" spans="1:5" ht="12.75" hidden="1" outlineLevel="1">
      <c r="A1970" s="1" t="s">
        <v>1962</v>
      </c>
      <c r="B1970" s="2">
        <v>710</v>
      </c>
      <c r="C1970" s="2">
        <v>568</v>
      </c>
      <c r="D1970" s="2">
        <v>429</v>
      </c>
      <c r="E1970" s="13">
        <v>8633</v>
      </c>
    </row>
    <row r="1971" spans="1:5" ht="12.75" hidden="1" outlineLevel="1">
      <c r="A1971" s="1" t="s">
        <v>1963</v>
      </c>
      <c r="B1971" s="2">
        <v>710</v>
      </c>
      <c r="C1971" s="2">
        <v>568</v>
      </c>
      <c r="D1971" s="2">
        <v>429</v>
      </c>
      <c r="E1971" s="13">
        <v>8630</v>
      </c>
    </row>
    <row r="1972" spans="1:5" ht="12.75" hidden="1" outlineLevel="1">
      <c r="A1972" s="1" t="s">
        <v>1964</v>
      </c>
      <c r="B1972" s="2">
        <v>710</v>
      </c>
      <c r="C1972" s="2">
        <v>568</v>
      </c>
      <c r="D1972" s="2">
        <v>429</v>
      </c>
      <c r="E1972" s="13">
        <v>8632</v>
      </c>
    </row>
    <row r="1973" spans="1:5" ht="12.75" hidden="1" outlineLevel="1">
      <c r="A1973" s="1" t="s">
        <v>1965</v>
      </c>
      <c r="B1973" s="2">
        <v>710</v>
      </c>
      <c r="C1973" s="2">
        <v>568</v>
      </c>
      <c r="D1973" s="2">
        <v>429</v>
      </c>
      <c r="E1973" s="13">
        <v>8629</v>
      </c>
    </row>
    <row r="1974" spans="1:5" ht="12.75" hidden="1" outlineLevel="1">
      <c r="A1974" s="1" t="s">
        <v>1966</v>
      </c>
      <c r="B1974" s="2">
        <v>5665</v>
      </c>
      <c r="C1974" s="2">
        <v>4545</v>
      </c>
      <c r="D1974" s="2">
        <v>3430</v>
      </c>
      <c r="E1974" s="13">
        <v>10125</v>
      </c>
    </row>
    <row r="1975" spans="1:5" ht="12.75" hidden="1" outlineLevel="1">
      <c r="A1975" s="1" t="s">
        <v>1967</v>
      </c>
      <c r="B1975" s="2">
        <v>5665</v>
      </c>
      <c r="C1975" s="2">
        <v>4545</v>
      </c>
      <c r="D1975" s="2">
        <v>3430</v>
      </c>
      <c r="E1975" s="13">
        <v>10126</v>
      </c>
    </row>
    <row r="1976" spans="1:5" ht="12.75" hidden="1" outlineLevel="1">
      <c r="A1976" s="1" t="s">
        <v>1968</v>
      </c>
      <c r="B1976" s="2">
        <v>5665</v>
      </c>
      <c r="C1976" s="2">
        <v>4545</v>
      </c>
      <c r="D1976" s="2">
        <v>3430</v>
      </c>
      <c r="E1976" s="13">
        <v>10127</v>
      </c>
    </row>
    <row r="1977" spans="1:5" ht="12.75" hidden="1" outlineLevel="1">
      <c r="A1977" s="1" t="s">
        <v>1969</v>
      </c>
      <c r="B1977" s="2">
        <v>5665</v>
      </c>
      <c r="C1977" s="2">
        <v>4545</v>
      </c>
      <c r="D1977" s="2">
        <v>3430</v>
      </c>
      <c r="E1977" s="13">
        <v>10087</v>
      </c>
    </row>
    <row r="1978" spans="1:5" ht="12.75" hidden="1" outlineLevel="1">
      <c r="A1978" s="1" t="s">
        <v>1970</v>
      </c>
      <c r="B1978" s="2">
        <v>710</v>
      </c>
      <c r="C1978" s="2">
        <v>568</v>
      </c>
      <c r="D1978" s="2">
        <v>429</v>
      </c>
      <c r="E1978" s="13">
        <v>7427</v>
      </c>
    </row>
    <row r="1979" spans="1:5" ht="12.75" hidden="1" outlineLevel="1">
      <c r="A1979" s="1" t="s">
        <v>1971</v>
      </c>
      <c r="B1979" s="2">
        <v>710</v>
      </c>
      <c r="C1979" s="2">
        <v>568</v>
      </c>
      <c r="D1979" s="2">
        <v>429</v>
      </c>
      <c r="E1979" s="13">
        <v>8238</v>
      </c>
    </row>
    <row r="1980" spans="1:5" ht="12.75" hidden="1" outlineLevel="1">
      <c r="A1980" s="1" t="s">
        <v>1972</v>
      </c>
      <c r="B1980" s="2">
        <v>2830</v>
      </c>
      <c r="C1980" s="2">
        <v>2275</v>
      </c>
      <c r="D1980" s="2">
        <v>1715</v>
      </c>
      <c r="E1980" s="13">
        <v>7839</v>
      </c>
    </row>
    <row r="1981" spans="1:5" ht="12.75" hidden="1" outlineLevel="1">
      <c r="A1981" s="1" t="s">
        <v>1973</v>
      </c>
      <c r="B1981" s="2">
        <v>1275</v>
      </c>
      <c r="C1981" s="2">
        <v>1025</v>
      </c>
      <c r="D1981" s="2">
        <v>770</v>
      </c>
      <c r="E1981" s="13">
        <v>9115</v>
      </c>
    </row>
    <row r="1982" spans="1:5" ht="12.75" hidden="1" outlineLevel="1">
      <c r="A1982" s="1" t="s">
        <v>1974</v>
      </c>
      <c r="B1982" s="2">
        <v>2830</v>
      </c>
      <c r="C1982" s="2">
        <v>2275</v>
      </c>
      <c r="D1982" s="2">
        <v>1715</v>
      </c>
      <c r="E1982" s="13">
        <v>9116</v>
      </c>
    </row>
    <row r="1983" spans="1:5" ht="12.75" hidden="1" outlineLevel="1">
      <c r="A1983" s="1" t="s">
        <v>1975</v>
      </c>
      <c r="B1983" s="2">
        <v>1630</v>
      </c>
      <c r="C1983" s="2">
        <v>1305</v>
      </c>
      <c r="D1983" s="2">
        <v>985</v>
      </c>
      <c r="E1983" s="13">
        <v>9102</v>
      </c>
    </row>
    <row r="1984" spans="1:5" ht="12.75" hidden="1" outlineLevel="1">
      <c r="A1984" s="1" t="s">
        <v>1976</v>
      </c>
      <c r="B1984" s="2">
        <v>3895</v>
      </c>
      <c r="C1984" s="2">
        <v>3125</v>
      </c>
      <c r="D1984" s="2">
        <v>2360</v>
      </c>
      <c r="E1984" s="13">
        <v>10124</v>
      </c>
    </row>
    <row r="1985" spans="1:5" ht="19.5" hidden="1" outlineLevel="1">
      <c r="A1985" s="1" t="s">
        <v>1977</v>
      </c>
      <c r="B1985" s="2">
        <v>531</v>
      </c>
      <c r="C1985" s="2">
        <v>426</v>
      </c>
      <c r="D1985" s="2">
        <v>322</v>
      </c>
      <c r="E1985" s="13">
        <v>9404</v>
      </c>
    </row>
    <row r="1986" spans="1:5" ht="12.75" hidden="1" outlineLevel="1">
      <c r="A1986" s="1" t="s">
        <v>1978</v>
      </c>
      <c r="B1986" s="2">
        <v>1415</v>
      </c>
      <c r="C1986" s="2">
        <v>1135</v>
      </c>
      <c r="D1986" s="2">
        <v>860</v>
      </c>
      <c r="E1986" s="13">
        <v>9052</v>
      </c>
    </row>
    <row r="1987" spans="1:5" ht="12.75" hidden="1" outlineLevel="1">
      <c r="A1987" s="1" t="s">
        <v>1979</v>
      </c>
      <c r="B1987" s="2">
        <v>710</v>
      </c>
      <c r="C1987" s="2">
        <v>568</v>
      </c>
      <c r="D1987" s="2">
        <v>429</v>
      </c>
      <c r="E1987" s="13">
        <v>9122</v>
      </c>
    </row>
    <row r="1988" spans="1:5" ht="12.75" hidden="1" outlineLevel="1">
      <c r="A1988" s="1" t="s">
        <v>1980</v>
      </c>
      <c r="B1988" s="2">
        <v>3045</v>
      </c>
      <c r="C1988" s="2">
        <v>2445</v>
      </c>
      <c r="D1988" s="2">
        <v>1845</v>
      </c>
      <c r="E1988" s="13">
        <v>10009</v>
      </c>
    </row>
    <row r="1989" spans="1:5" ht="12.75" hidden="1" outlineLevel="1">
      <c r="A1989" s="1" t="s">
        <v>1981</v>
      </c>
      <c r="B1989" s="2">
        <v>3185</v>
      </c>
      <c r="C1989" s="2">
        <v>2560</v>
      </c>
      <c r="D1989" s="2">
        <v>1930</v>
      </c>
      <c r="E1989" s="13">
        <v>9123</v>
      </c>
    </row>
    <row r="1990" spans="1:5" ht="12.75" hidden="1" outlineLevel="1">
      <c r="A1990" s="1" t="s">
        <v>1982</v>
      </c>
      <c r="B1990" s="2">
        <v>2125</v>
      </c>
      <c r="C1990" s="2">
        <v>1705</v>
      </c>
      <c r="D1990" s="2">
        <v>1285</v>
      </c>
      <c r="E1990" s="13">
        <v>9121</v>
      </c>
    </row>
    <row r="1991" spans="1:5" ht="12.75" hidden="1" outlineLevel="1">
      <c r="A1991" s="1" t="s">
        <v>1983</v>
      </c>
      <c r="B1991" s="2">
        <v>2125</v>
      </c>
      <c r="C1991" s="2">
        <v>1705</v>
      </c>
      <c r="D1991" s="2">
        <v>1285</v>
      </c>
      <c r="E1991" s="13">
        <v>9900</v>
      </c>
    </row>
    <row r="1992" spans="1:5" ht="12.75" hidden="1" outlineLevel="1">
      <c r="A1992" s="1" t="s">
        <v>1984</v>
      </c>
      <c r="B1992" s="2">
        <v>2125</v>
      </c>
      <c r="C1992" s="2">
        <v>1705</v>
      </c>
      <c r="D1992" s="2">
        <v>1285</v>
      </c>
      <c r="E1992" s="13">
        <v>7797</v>
      </c>
    </row>
    <row r="1993" spans="1:5" ht="12.75" hidden="1" outlineLevel="1">
      <c r="A1993" s="1" t="s">
        <v>1985</v>
      </c>
      <c r="B1993" s="2">
        <v>2125</v>
      </c>
      <c r="C1993" s="2">
        <v>1705</v>
      </c>
      <c r="D1993" s="2">
        <v>1285</v>
      </c>
      <c r="E1993" s="13">
        <v>9899</v>
      </c>
    </row>
    <row r="1994" spans="1:5" ht="12.75" hidden="1" outlineLevel="1">
      <c r="A1994" s="1" t="s">
        <v>1986</v>
      </c>
      <c r="B1994" s="2">
        <v>710</v>
      </c>
      <c r="C1994" s="2">
        <v>568</v>
      </c>
      <c r="D1994" s="2">
        <v>429</v>
      </c>
      <c r="E1994" s="13">
        <v>8241</v>
      </c>
    </row>
    <row r="1995" spans="1:5" ht="12.75" hidden="1" outlineLevel="1">
      <c r="A1995" s="1" t="s">
        <v>1987</v>
      </c>
      <c r="B1995" s="2">
        <v>247.7</v>
      </c>
      <c r="C1995" s="2">
        <v>198.9</v>
      </c>
      <c r="D1995" s="2">
        <v>150.19999999999999</v>
      </c>
      <c r="E1995" s="13">
        <v>8240</v>
      </c>
    </row>
    <row r="1996" spans="1:5" ht="12.75" hidden="1" outlineLevel="1">
      <c r="A1996" s="1" t="s">
        <v>1988</v>
      </c>
      <c r="B1996" s="2">
        <v>710</v>
      </c>
      <c r="C1996" s="2">
        <v>568</v>
      </c>
      <c r="D1996" s="2">
        <v>429</v>
      </c>
      <c r="E1996" s="13">
        <v>7868</v>
      </c>
    </row>
    <row r="1997" spans="1:5" ht="12.75" hidden="1" outlineLevel="1">
      <c r="A1997" s="1" t="s">
        <v>1989</v>
      </c>
      <c r="B1997" s="2">
        <v>710</v>
      </c>
      <c r="C1997" s="2">
        <v>568</v>
      </c>
      <c r="D1997" s="2">
        <v>429</v>
      </c>
      <c r="E1997" s="13">
        <v>7869</v>
      </c>
    </row>
    <row r="1998" spans="1:5" ht="12.75" hidden="1" outlineLevel="1">
      <c r="A1998" s="1" t="s">
        <v>1990</v>
      </c>
      <c r="B1998" s="2">
        <v>1060</v>
      </c>
      <c r="C1998" s="2">
        <v>855</v>
      </c>
      <c r="D1998" s="2">
        <v>644</v>
      </c>
      <c r="E1998" s="13">
        <v>7918</v>
      </c>
    </row>
    <row r="1999" spans="1:5" ht="12.75" hidden="1" outlineLevel="1">
      <c r="A1999" s="1" t="s">
        <v>1991</v>
      </c>
      <c r="B1999" s="2">
        <v>710</v>
      </c>
      <c r="C1999" s="2">
        <v>568</v>
      </c>
      <c r="D1999" s="2">
        <v>429</v>
      </c>
      <c r="E1999" s="13">
        <v>8237</v>
      </c>
    </row>
    <row r="2000" spans="1:5" ht="12.75" hidden="1" outlineLevel="1">
      <c r="A2000" s="1" t="s">
        <v>1992</v>
      </c>
      <c r="B2000" s="2">
        <v>3540</v>
      </c>
      <c r="C2000" s="2">
        <v>2840</v>
      </c>
      <c r="D2000" s="2">
        <v>2145</v>
      </c>
      <c r="E2000" s="13">
        <v>3326</v>
      </c>
    </row>
    <row r="2001" spans="1:5" ht="12.75" hidden="1" outlineLevel="1">
      <c r="A2001" s="1" t="s">
        <v>1993</v>
      </c>
      <c r="B2001" s="2">
        <v>3540</v>
      </c>
      <c r="C2001" s="2">
        <v>2840</v>
      </c>
      <c r="D2001" s="2">
        <v>2145</v>
      </c>
      <c r="E2001" s="13">
        <v>6861</v>
      </c>
    </row>
    <row r="2002" spans="1:5" ht="12.75" hidden="1" outlineLevel="1">
      <c r="A2002" s="1" t="s">
        <v>1994</v>
      </c>
      <c r="B2002" s="2">
        <v>2830</v>
      </c>
      <c r="C2002" s="2">
        <v>2275</v>
      </c>
      <c r="D2002" s="2">
        <v>1715</v>
      </c>
      <c r="E2002" s="13">
        <v>7695</v>
      </c>
    </row>
    <row r="2003" spans="1:5" ht="12.75" hidden="1" outlineLevel="1">
      <c r="A2003" s="1" t="s">
        <v>1995</v>
      </c>
      <c r="B2003" s="2">
        <v>354</v>
      </c>
      <c r="C2003" s="2">
        <v>284.2</v>
      </c>
      <c r="D2003" s="2">
        <v>214.5</v>
      </c>
      <c r="E2003" s="13">
        <v>6062</v>
      </c>
    </row>
    <row r="2004" spans="1:5" ht="12.75" hidden="1" outlineLevel="1">
      <c r="A2004" s="1" t="s">
        <v>1996</v>
      </c>
      <c r="B2004" s="2">
        <v>354</v>
      </c>
      <c r="C2004" s="2">
        <v>284.2</v>
      </c>
      <c r="D2004" s="2">
        <v>214.5</v>
      </c>
      <c r="E2004" s="13">
        <v>8774</v>
      </c>
    </row>
    <row r="2005" spans="1:5" ht="12.75" hidden="1" outlineLevel="1">
      <c r="A2005" s="1" t="s">
        <v>1997</v>
      </c>
      <c r="B2005" s="2">
        <v>710</v>
      </c>
      <c r="C2005" s="2">
        <v>568</v>
      </c>
      <c r="D2005" s="2">
        <v>429</v>
      </c>
      <c r="E2005" s="13">
        <v>9080</v>
      </c>
    </row>
    <row r="2006" spans="1:5" ht="12.75" hidden="1" outlineLevel="1">
      <c r="A2006" s="1" t="s">
        <v>1998</v>
      </c>
      <c r="B2006" s="2">
        <v>354</v>
      </c>
      <c r="C2006" s="2">
        <v>284.2</v>
      </c>
      <c r="D2006" s="2">
        <v>214.5</v>
      </c>
      <c r="E2006" s="13">
        <v>8265</v>
      </c>
    </row>
    <row r="2007" spans="1:5" ht="12.75" hidden="1" outlineLevel="1">
      <c r="A2007" s="1" t="s">
        <v>1999</v>
      </c>
      <c r="B2007" s="2">
        <v>1415</v>
      </c>
      <c r="C2007" s="2">
        <v>1135</v>
      </c>
      <c r="D2007" s="2">
        <v>860</v>
      </c>
      <c r="E2007" s="13">
        <v>9125</v>
      </c>
    </row>
    <row r="2008" spans="1:5" ht="12.75" hidden="1" outlineLevel="1">
      <c r="A2008" s="1" t="s">
        <v>2000</v>
      </c>
      <c r="B2008" s="2">
        <v>141.6</v>
      </c>
      <c r="C2008" s="2">
        <v>113.7</v>
      </c>
      <c r="D2008" s="2">
        <v>86</v>
      </c>
      <c r="E2008" s="13">
        <v>6074</v>
      </c>
    </row>
    <row r="2009" spans="1:5" ht="12.75" hidden="1" outlineLevel="1">
      <c r="A2009" s="1" t="s">
        <v>2001</v>
      </c>
      <c r="B2009" s="2">
        <v>354</v>
      </c>
      <c r="C2009" s="2">
        <v>284.2</v>
      </c>
      <c r="D2009" s="2">
        <v>214.5</v>
      </c>
      <c r="E2009" s="13">
        <v>8493</v>
      </c>
    </row>
    <row r="2010" spans="1:5" ht="12.75" hidden="1" outlineLevel="1">
      <c r="A2010" s="1" t="s">
        <v>2002</v>
      </c>
      <c r="B2010" s="2">
        <v>354</v>
      </c>
      <c r="C2010" s="2">
        <v>284.2</v>
      </c>
      <c r="D2010" s="2">
        <v>214.5</v>
      </c>
      <c r="E2010" s="13">
        <v>6912</v>
      </c>
    </row>
    <row r="2011" spans="1:5" ht="12.75" hidden="1" outlineLevel="1">
      <c r="A2011" s="1" t="s">
        <v>2003</v>
      </c>
      <c r="B2011" s="2">
        <v>1630</v>
      </c>
      <c r="C2011" s="2">
        <v>1305</v>
      </c>
      <c r="D2011" s="2">
        <v>985</v>
      </c>
      <c r="E2011" s="13">
        <v>9101</v>
      </c>
    </row>
    <row r="2012" spans="1:5" ht="12.75" hidden="1" outlineLevel="1">
      <c r="A2012" s="1" t="s">
        <v>2004</v>
      </c>
      <c r="B2012" s="2">
        <v>496</v>
      </c>
      <c r="C2012" s="2">
        <v>398</v>
      </c>
      <c r="D2012" s="2">
        <v>300</v>
      </c>
      <c r="E2012" s="13">
        <v>9103</v>
      </c>
    </row>
    <row r="2013" spans="1:5" ht="12.75" hidden="1" outlineLevel="1">
      <c r="A2013" s="1" t="s">
        <v>2005</v>
      </c>
      <c r="B2013" s="2">
        <v>1060</v>
      </c>
      <c r="C2013" s="2">
        <v>855</v>
      </c>
      <c r="D2013" s="2">
        <v>644</v>
      </c>
      <c r="E2013" s="13">
        <v>7696</v>
      </c>
    </row>
    <row r="2014" spans="1:5" ht="12.75" hidden="1" outlineLevel="1">
      <c r="A2014" s="1" t="s">
        <v>2006</v>
      </c>
      <c r="B2014" s="2">
        <v>354</v>
      </c>
      <c r="C2014" s="2">
        <v>284.2</v>
      </c>
      <c r="D2014" s="2">
        <v>214.5</v>
      </c>
      <c r="E2014" s="13">
        <v>9887</v>
      </c>
    </row>
    <row r="2015" spans="1:5" ht="12.75" hidden="1" outlineLevel="1">
      <c r="A2015" s="1" t="s">
        <v>2007</v>
      </c>
      <c r="B2015" s="2">
        <v>177</v>
      </c>
      <c r="C2015" s="2">
        <v>142.1</v>
      </c>
      <c r="D2015" s="2">
        <v>107.3</v>
      </c>
      <c r="E2015" s="13">
        <v>8112</v>
      </c>
    </row>
    <row r="2016" spans="1:5" collapsed="1">
      <c r="A2016" s="4" t="s">
        <v>2008</v>
      </c>
      <c r="B2016" s="12"/>
      <c r="C2016" s="12"/>
      <c r="D2016" s="12"/>
      <c r="E2016" s="12"/>
    </row>
    <row r="2017" spans="1:5" ht="12.75" hidden="1" outlineLevel="1">
      <c r="A2017" s="1" t="s">
        <v>2009</v>
      </c>
      <c r="B2017" s="2">
        <v>7080</v>
      </c>
      <c r="C2017" s="2">
        <v>6755</v>
      </c>
      <c r="D2017" s="2">
        <v>6435</v>
      </c>
      <c r="E2017" s="13">
        <v>4501</v>
      </c>
    </row>
    <row r="2018" spans="1:5" ht="12.75" hidden="1" outlineLevel="1">
      <c r="A2018" s="1" t="s">
        <v>2010</v>
      </c>
      <c r="B2018" s="2">
        <v>945</v>
      </c>
      <c r="C2018" s="2">
        <v>900</v>
      </c>
      <c r="D2018" s="2">
        <v>860</v>
      </c>
      <c r="E2018" s="13">
        <v>4687</v>
      </c>
    </row>
    <row r="2019" spans="1:5" ht="12.75" hidden="1" outlineLevel="1">
      <c r="A2019" s="1" t="s">
        <v>2011</v>
      </c>
      <c r="B2019" s="2">
        <v>118</v>
      </c>
      <c r="C2019" s="2">
        <v>112.6</v>
      </c>
      <c r="D2019" s="2">
        <v>107.3</v>
      </c>
      <c r="E2019" s="13">
        <v>5192</v>
      </c>
    </row>
    <row r="2020" spans="1:5" ht="12.75" hidden="1" outlineLevel="1">
      <c r="A2020" s="1" t="s">
        <v>2012</v>
      </c>
      <c r="B2020" s="2">
        <v>127.4</v>
      </c>
      <c r="C2020" s="2">
        <v>121.6</v>
      </c>
      <c r="D2020" s="2">
        <v>115.8</v>
      </c>
      <c r="E2020" s="13">
        <v>7065</v>
      </c>
    </row>
    <row r="2021" spans="1:5" ht="12.75" hidden="1" outlineLevel="1">
      <c r="A2021" s="1" t="s">
        <v>2013</v>
      </c>
      <c r="B2021" s="2">
        <v>127.4</v>
      </c>
      <c r="C2021" s="2">
        <v>121.6</v>
      </c>
      <c r="D2021" s="2">
        <v>115.8</v>
      </c>
      <c r="E2021" s="13">
        <v>6537</v>
      </c>
    </row>
    <row r="2022" spans="1:5" ht="12.75" hidden="1" outlineLevel="1">
      <c r="A2022" s="1" t="s">
        <v>2014</v>
      </c>
      <c r="B2022" s="2">
        <v>94.5</v>
      </c>
      <c r="C2022" s="2">
        <v>90</v>
      </c>
      <c r="D2022" s="2">
        <v>86</v>
      </c>
      <c r="E2022" s="13">
        <v>6538</v>
      </c>
    </row>
    <row r="2023" spans="1:5" ht="12.75" hidden="1" outlineLevel="1">
      <c r="A2023" s="1" t="s">
        <v>2015</v>
      </c>
      <c r="B2023" s="2">
        <v>945</v>
      </c>
      <c r="C2023" s="2">
        <v>900</v>
      </c>
      <c r="D2023" s="2">
        <v>860</v>
      </c>
      <c r="E2023" s="13">
        <v>6093</v>
      </c>
    </row>
    <row r="2024" spans="1:5" ht="12.75" hidden="1" outlineLevel="1">
      <c r="A2024" s="1" t="s">
        <v>2016</v>
      </c>
      <c r="B2024" s="2">
        <v>945</v>
      </c>
      <c r="C2024" s="2">
        <v>900</v>
      </c>
      <c r="D2024" s="2">
        <v>860</v>
      </c>
      <c r="E2024" s="13">
        <v>6122</v>
      </c>
    </row>
    <row r="2025" spans="1:5" ht="12.75" hidden="1" outlineLevel="1">
      <c r="A2025" s="1" t="s">
        <v>2017</v>
      </c>
      <c r="B2025" s="2">
        <v>165.2</v>
      </c>
      <c r="C2025" s="2">
        <v>157.69999999999999</v>
      </c>
      <c r="D2025" s="2">
        <v>150.19999999999999</v>
      </c>
      <c r="E2025" s="13">
        <v>6159</v>
      </c>
    </row>
    <row r="2026" spans="1:5" ht="12.75" hidden="1" outlineLevel="1">
      <c r="A2026" s="1" t="s">
        <v>2018</v>
      </c>
      <c r="B2026" s="2">
        <v>12740</v>
      </c>
      <c r="C2026" s="2">
        <v>12160</v>
      </c>
      <c r="D2026" s="2">
        <v>11580</v>
      </c>
      <c r="E2026" s="13">
        <v>5892</v>
      </c>
    </row>
    <row r="2027" spans="1:5" ht="12.75" hidden="1" outlineLevel="1">
      <c r="A2027" s="1" t="s">
        <v>2019</v>
      </c>
      <c r="B2027" s="2">
        <v>945</v>
      </c>
      <c r="C2027" s="2">
        <v>900</v>
      </c>
      <c r="D2027" s="2">
        <v>860</v>
      </c>
      <c r="E2027" s="13">
        <v>6701</v>
      </c>
    </row>
    <row r="2028" spans="1:5" ht="12.75" hidden="1" outlineLevel="1">
      <c r="A2028" s="1" t="s">
        <v>2020</v>
      </c>
      <c r="B2028" s="2">
        <v>2360</v>
      </c>
      <c r="C2028" s="2">
        <v>2250</v>
      </c>
      <c r="D2028" s="2">
        <v>2145</v>
      </c>
      <c r="E2028" s="13">
        <v>4186</v>
      </c>
    </row>
    <row r="2029" spans="1:5" ht="12.75" hidden="1" outlineLevel="1">
      <c r="A2029" s="1" t="s">
        <v>2021</v>
      </c>
      <c r="B2029" s="2">
        <v>472</v>
      </c>
      <c r="C2029" s="2">
        <v>451</v>
      </c>
      <c r="D2029" s="2">
        <v>429</v>
      </c>
      <c r="E2029" s="13">
        <v>6505</v>
      </c>
    </row>
    <row r="2030" spans="1:5" ht="12.75" hidden="1" outlineLevel="1">
      <c r="A2030" s="1" t="s">
        <v>2022</v>
      </c>
      <c r="B2030" s="2">
        <v>7550</v>
      </c>
      <c r="C2030" s="2">
        <v>7205</v>
      </c>
      <c r="D2030" s="2">
        <v>6865</v>
      </c>
      <c r="E2030" s="13">
        <v>3204</v>
      </c>
    </row>
    <row r="2031" spans="1:5" collapsed="1">
      <c r="A2031" s="4" t="s">
        <v>2023</v>
      </c>
      <c r="B2031" s="12"/>
      <c r="C2031" s="12"/>
      <c r="D2031" s="12"/>
      <c r="E2031" s="12"/>
    </row>
    <row r="2032" spans="1:5" ht="12.75" hidden="1" outlineLevel="1">
      <c r="A2032" s="1" t="s">
        <v>2024</v>
      </c>
      <c r="B2032" s="2">
        <v>2780</v>
      </c>
      <c r="C2032" s="2">
        <v>2675</v>
      </c>
      <c r="D2032" s="2">
        <v>2575</v>
      </c>
      <c r="E2032" s="13">
        <v>611</v>
      </c>
    </row>
    <row r="2033" spans="1:5" collapsed="1">
      <c r="A2033" s="4" t="s">
        <v>2025</v>
      </c>
      <c r="B2033" s="12"/>
      <c r="C2033" s="12"/>
      <c r="D2033" s="12"/>
      <c r="E2033" s="12"/>
    </row>
    <row r="2034" spans="1:5" ht="12.75" hidden="1" outlineLevel="1">
      <c r="A2034" s="1" t="s">
        <v>2026</v>
      </c>
      <c r="B2034" s="2">
        <v>13900</v>
      </c>
      <c r="C2034" s="2">
        <v>13380</v>
      </c>
      <c r="D2034" s="2">
        <v>12870</v>
      </c>
      <c r="E2034" s="13">
        <v>5443</v>
      </c>
    </row>
    <row r="2035" spans="1:5" ht="12.75" hidden="1" outlineLevel="1">
      <c r="A2035" s="1" t="s">
        <v>2027</v>
      </c>
      <c r="B2035" s="2">
        <v>23170</v>
      </c>
      <c r="C2035" s="2">
        <v>22310</v>
      </c>
      <c r="D2035" s="2">
        <v>21450</v>
      </c>
      <c r="E2035" s="13">
        <v>6236</v>
      </c>
    </row>
    <row r="2036" spans="1:5" ht="12.75" hidden="1" outlineLevel="1">
      <c r="A2036" s="1" t="s">
        <v>2028</v>
      </c>
      <c r="B2036" s="2">
        <v>16590</v>
      </c>
      <c r="C2036" s="2">
        <v>15970</v>
      </c>
      <c r="D2036" s="2">
        <v>15360</v>
      </c>
      <c r="E2036" s="13">
        <v>5647</v>
      </c>
    </row>
    <row r="2037" spans="1:5" collapsed="1">
      <c r="A2037" s="4" t="s">
        <v>2029</v>
      </c>
      <c r="B2037" s="12"/>
      <c r="C2037" s="12"/>
      <c r="D2037" s="12"/>
      <c r="E2037" s="12"/>
    </row>
    <row r="2038" spans="1:5" ht="12.75" hidden="1" outlineLevel="1">
      <c r="A2038" s="1" t="s">
        <v>2030</v>
      </c>
      <c r="B2038" s="2">
        <v>9500</v>
      </c>
      <c r="C2038" s="2">
        <v>9145</v>
      </c>
      <c r="D2038" s="2">
        <v>8795</v>
      </c>
      <c r="E2038" s="13">
        <v>1120</v>
      </c>
    </row>
    <row r="2039" spans="1:5" ht="12.75" hidden="1" outlineLevel="1">
      <c r="A2039" s="1" t="s">
        <v>2031</v>
      </c>
      <c r="B2039" s="2">
        <v>16680</v>
      </c>
      <c r="C2039" s="2">
        <v>16060</v>
      </c>
      <c r="D2039" s="2">
        <v>15440</v>
      </c>
      <c r="E2039" s="13">
        <v>5384</v>
      </c>
    </row>
    <row r="2040" spans="1:5" collapsed="1">
      <c r="A2040" s="4" t="s">
        <v>2032</v>
      </c>
      <c r="B2040" s="12"/>
      <c r="C2040" s="12"/>
      <c r="D2040" s="12"/>
      <c r="E2040" s="12"/>
    </row>
    <row r="2041" spans="1:5" ht="12.75" hidden="1" outlineLevel="1">
      <c r="A2041" s="1" t="s">
        <v>2033</v>
      </c>
      <c r="B2041" s="2">
        <v>27340</v>
      </c>
      <c r="C2041" s="2">
        <v>26320</v>
      </c>
      <c r="D2041" s="2">
        <v>25310</v>
      </c>
      <c r="E2041" s="13">
        <v>623</v>
      </c>
    </row>
    <row r="2042" spans="1:5" collapsed="1">
      <c r="A2042" s="4" t="s">
        <v>2034</v>
      </c>
      <c r="B2042" s="12"/>
      <c r="C2042" s="12"/>
      <c r="D2042" s="12"/>
      <c r="E2042" s="12"/>
    </row>
    <row r="2043" spans="1:5" ht="12.75" hidden="1" outlineLevel="1">
      <c r="A2043" s="1" t="s">
        <v>2035</v>
      </c>
      <c r="B2043" s="2">
        <v>6420</v>
      </c>
      <c r="C2043" s="2">
        <v>6125</v>
      </c>
      <c r="D2043" s="2">
        <v>5835</v>
      </c>
      <c r="E2043" s="13">
        <v>7682</v>
      </c>
    </row>
    <row r="2044" spans="1:5" ht="12.75" hidden="1" outlineLevel="1">
      <c r="A2044" s="1" t="s">
        <v>2036</v>
      </c>
      <c r="B2044" s="2">
        <v>2310</v>
      </c>
      <c r="C2044" s="2">
        <v>2205</v>
      </c>
      <c r="D2044" s="2">
        <v>2100</v>
      </c>
      <c r="E2044" s="13">
        <v>5462</v>
      </c>
    </row>
    <row r="2045" spans="1:5" ht="12.75" hidden="1" outlineLevel="1">
      <c r="A2045" s="1" t="s">
        <v>2037</v>
      </c>
      <c r="B2045" s="2">
        <v>2405</v>
      </c>
      <c r="C2045" s="2">
        <v>2295</v>
      </c>
      <c r="D2045" s="2">
        <v>2190</v>
      </c>
      <c r="E2045" s="13">
        <v>5460</v>
      </c>
    </row>
    <row r="2046" spans="1:5" collapsed="1">
      <c r="A2046" s="4" t="s">
        <v>2038</v>
      </c>
      <c r="B2046" s="12"/>
      <c r="C2046" s="12"/>
      <c r="D2046" s="12"/>
      <c r="E2046" s="12"/>
    </row>
    <row r="2047" spans="1:5" ht="12.75" hidden="1" outlineLevel="1">
      <c r="A2047" s="1" t="s">
        <v>2039</v>
      </c>
      <c r="B2047" s="2">
        <v>3445</v>
      </c>
      <c r="C2047" s="2">
        <v>3290</v>
      </c>
      <c r="D2047" s="2">
        <v>3130</v>
      </c>
      <c r="E2047" s="13">
        <v>8748</v>
      </c>
    </row>
    <row r="2048" spans="1:5" ht="12.75" hidden="1" outlineLevel="1">
      <c r="A2048" s="1" t="s">
        <v>2040</v>
      </c>
      <c r="B2048" s="2">
        <v>710</v>
      </c>
      <c r="C2048" s="2">
        <v>676</v>
      </c>
      <c r="D2048" s="2">
        <v>644</v>
      </c>
      <c r="E2048" s="13">
        <v>677</v>
      </c>
    </row>
    <row r="2049" spans="1:5" collapsed="1">
      <c r="A2049" s="4" t="s">
        <v>2041</v>
      </c>
      <c r="B2049" s="12"/>
      <c r="C2049" s="12"/>
      <c r="D2049" s="12"/>
      <c r="E2049" s="12"/>
    </row>
    <row r="2050" spans="1:5" ht="12.75" hidden="1" outlineLevel="1">
      <c r="A2050" s="1" t="s">
        <v>2042</v>
      </c>
      <c r="B2050" s="2">
        <v>21.5</v>
      </c>
      <c r="C2050" s="2">
        <v>20.5</v>
      </c>
      <c r="D2050" s="2">
        <v>19.5</v>
      </c>
      <c r="E2050" s="13">
        <v>709</v>
      </c>
    </row>
    <row r="2051" spans="1:5" ht="12.75" hidden="1" outlineLevel="1">
      <c r="A2051" s="1" t="s">
        <v>2043</v>
      </c>
      <c r="B2051" s="2">
        <v>47</v>
      </c>
      <c r="C2051" s="2">
        <v>45</v>
      </c>
      <c r="D2051" s="2">
        <v>43</v>
      </c>
      <c r="E2051" s="13">
        <v>4779</v>
      </c>
    </row>
    <row r="2052" spans="1:5" ht="12.75" hidden="1" outlineLevel="1">
      <c r="A2052" s="1" t="s">
        <v>2044</v>
      </c>
      <c r="B2052" s="2">
        <v>38</v>
      </c>
      <c r="C2052" s="2">
        <v>36</v>
      </c>
      <c r="D2052" s="2">
        <v>34.5</v>
      </c>
      <c r="E2052" s="13">
        <v>5038</v>
      </c>
    </row>
    <row r="2053" spans="1:5" ht="12.75" hidden="1" outlineLevel="1">
      <c r="A2053" s="1" t="s">
        <v>2045</v>
      </c>
      <c r="B2053" s="2">
        <v>47</v>
      </c>
      <c r="C2053" s="2">
        <v>45</v>
      </c>
      <c r="D2053" s="2">
        <v>43</v>
      </c>
      <c r="E2053" s="13">
        <v>4778</v>
      </c>
    </row>
    <row r="2054" spans="1:5" ht="12.75" hidden="1" outlineLevel="1">
      <c r="A2054" s="1" t="s">
        <v>2046</v>
      </c>
      <c r="B2054" s="2">
        <v>118</v>
      </c>
      <c r="C2054" s="2">
        <v>112.6</v>
      </c>
      <c r="D2054" s="2">
        <v>107.3</v>
      </c>
      <c r="E2054" s="13">
        <v>656</v>
      </c>
    </row>
    <row r="2055" spans="1:5" collapsed="1">
      <c r="A2055" s="4" t="s">
        <v>2047</v>
      </c>
      <c r="B2055" s="12"/>
      <c r="C2055" s="12"/>
      <c r="D2055" s="12"/>
      <c r="E2055" s="12"/>
    </row>
    <row r="2056" spans="1:5" ht="19.5" hidden="1" outlineLevel="1">
      <c r="A2056" s="1" t="s">
        <v>2048</v>
      </c>
      <c r="B2056" s="2">
        <v>1180</v>
      </c>
      <c r="C2056" s="2">
        <v>1125</v>
      </c>
      <c r="D2056" s="2">
        <v>1075</v>
      </c>
      <c r="E2056" s="13">
        <v>6522</v>
      </c>
    </row>
    <row r="2057" spans="1:5" ht="12.75" hidden="1" outlineLevel="1">
      <c r="A2057" s="1" t="s">
        <v>2049</v>
      </c>
      <c r="B2057" s="2">
        <v>2595</v>
      </c>
      <c r="C2057" s="2">
        <v>2475</v>
      </c>
      <c r="D2057" s="2">
        <v>2360</v>
      </c>
      <c r="E2057" s="13">
        <v>6459</v>
      </c>
    </row>
    <row r="2058" spans="1:5" ht="12.75" hidden="1" outlineLevel="1">
      <c r="A2058" s="1" t="s">
        <v>2050</v>
      </c>
      <c r="B2058" s="2">
        <v>118</v>
      </c>
      <c r="C2058" s="2">
        <v>112.6</v>
      </c>
      <c r="D2058" s="2">
        <v>107.3</v>
      </c>
      <c r="E2058" s="13">
        <v>667</v>
      </c>
    </row>
    <row r="2059" spans="1:5" ht="12.75" hidden="1" outlineLevel="1">
      <c r="A2059" s="1" t="s">
        <v>2051</v>
      </c>
      <c r="B2059" s="2">
        <v>118</v>
      </c>
      <c r="C2059" s="2">
        <v>112.6</v>
      </c>
      <c r="D2059" s="2">
        <v>107.3</v>
      </c>
      <c r="E2059" s="13">
        <v>1310</v>
      </c>
    </row>
    <row r="2060" spans="1:5" ht="12.75" hidden="1" outlineLevel="1">
      <c r="A2060" s="1" t="s">
        <v>2052</v>
      </c>
      <c r="B2060" s="2">
        <v>94.5</v>
      </c>
      <c r="C2060" s="2">
        <v>90</v>
      </c>
      <c r="D2060" s="2">
        <v>86</v>
      </c>
      <c r="E2060" s="13">
        <v>4912</v>
      </c>
    </row>
    <row r="2061" spans="1:5" ht="12.75" hidden="1" outlineLevel="1">
      <c r="A2061" s="1" t="s">
        <v>2053</v>
      </c>
      <c r="B2061" s="2">
        <v>118</v>
      </c>
      <c r="C2061" s="2">
        <v>112.6</v>
      </c>
      <c r="D2061" s="2">
        <v>107.3</v>
      </c>
      <c r="E2061" s="13">
        <v>5282</v>
      </c>
    </row>
    <row r="2062" spans="1:5" ht="12.75" hidden="1" outlineLevel="1">
      <c r="A2062" s="1" t="s">
        <v>2054</v>
      </c>
      <c r="B2062" s="2">
        <v>118</v>
      </c>
      <c r="C2062" s="2">
        <v>112.6</v>
      </c>
      <c r="D2062" s="2">
        <v>107.3</v>
      </c>
      <c r="E2062" s="13">
        <v>5245</v>
      </c>
    </row>
    <row r="2063" spans="1:5" ht="12.75" hidden="1" outlineLevel="1">
      <c r="A2063" s="1" t="s">
        <v>2055</v>
      </c>
      <c r="B2063" s="2">
        <v>236</v>
      </c>
      <c r="C2063" s="2">
        <v>225.2</v>
      </c>
      <c r="D2063" s="2">
        <v>214.5</v>
      </c>
      <c r="E2063" s="13">
        <v>4741</v>
      </c>
    </row>
    <row r="2064" spans="1:5" collapsed="1">
      <c r="A2064" s="4" t="s">
        <v>2056</v>
      </c>
      <c r="B2064" s="12"/>
      <c r="C2064" s="12"/>
      <c r="D2064" s="12"/>
      <c r="E2064" s="12"/>
    </row>
    <row r="2065" spans="1:5" ht="12.75" hidden="1" outlineLevel="1">
      <c r="A2065" s="1" t="s">
        <v>2057</v>
      </c>
      <c r="B2065" s="2">
        <v>30120</v>
      </c>
      <c r="C2065" s="2">
        <v>29000</v>
      </c>
      <c r="D2065" s="2">
        <v>27890</v>
      </c>
      <c r="E2065" s="13">
        <v>9588</v>
      </c>
    </row>
    <row r="2066" spans="1:5" ht="12.75" hidden="1" outlineLevel="1">
      <c r="A2066" s="1" t="s">
        <v>2058</v>
      </c>
      <c r="B2066" s="2">
        <v>23170</v>
      </c>
      <c r="C2066" s="2">
        <v>22310</v>
      </c>
      <c r="D2066" s="2">
        <v>21450</v>
      </c>
      <c r="E2066" s="13">
        <v>7166</v>
      </c>
    </row>
    <row r="2067" spans="1:5" ht="12.75" hidden="1" outlineLevel="1">
      <c r="A2067" s="1" t="s">
        <v>2059</v>
      </c>
      <c r="B2067" s="2">
        <v>1025</v>
      </c>
      <c r="C2067" s="2">
        <v>985</v>
      </c>
      <c r="D2067" s="2">
        <v>950</v>
      </c>
      <c r="E2067" s="13">
        <v>5367</v>
      </c>
    </row>
    <row r="2068" spans="1:5" ht="12.75" hidden="1" outlineLevel="1">
      <c r="A2068" s="1" t="s">
        <v>2060</v>
      </c>
      <c r="B2068" s="2">
        <v>6025</v>
      </c>
      <c r="C2068" s="2">
        <v>5800</v>
      </c>
      <c r="D2068" s="2">
        <v>5575</v>
      </c>
      <c r="E2068" s="13">
        <v>4739</v>
      </c>
    </row>
    <row r="2069" spans="1:5" ht="12.75" hidden="1" outlineLevel="1">
      <c r="A2069" s="1" t="s">
        <v>2061</v>
      </c>
      <c r="B2069" s="2">
        <v>3245</v>
      </c>
      <c r="C2069" s="2">
        <v>3125</v>
      </c>
      <c r="D2069" s="2">
        <v>3005</v>
      </c>
      <c r="E2069" s="13">
        <v>1048</v>
      </c>
    </row>
    <row r="2070" spans="1:5" collapsed="1">
      <c r="A2070" s="4" t="s">
        <v>2062</v>
      </c>
      <c r="B2070" s="12"/>
      <c r="C2070" s="12"/>
      <c r="D2070" s="12"/>
      <c r="E2070" s="12"/>
    </row>
    <row r="2071" spans="1:5" ht="12.75" hidden="1" outlineLevel="1">
      <c r="A2071" s="1" t="s">
        <v>2063</v>
      </c>
      <c r="B2071" s="2">
        <v>644</v>
      </c>
      <c r="C2071" s="2">
        <v>536</v>
      </c>
      <c r="D2071" s="2">
        <v>429</v>
      </c>
      <c r="E2071" s="13">
        <v>4564</v>
      </c>
    </row>
    <row r="2072" spans="1:5" ht="12.75" hidden="1" outlineLevel="1">
      <c r="A2072" s="1" t="s">
        <v>2064</v>
      </c>
      <c r="B2072" s="2">
        <v>64.5</v>
      </c>
      <c r="C2072" s="2">
        <v>53.5</v>
      </c>
      <c r="D2072" s="2">
        <v>43</v>
      </c>
      <c r="E2072" s="13">
        <v>697</v>
      </c>
    </row>
    <row r="2073" spans="1:5" ht="12.75" hidden="1" outlineLevel="1">
      <c r="A2073" s="1" t="s">
        <v>2065</v>
      </c>
      <c r="B2073" s="2">
        <v>770</v>
      </c>
      <c r="C2073" s="2">
        <v>644</v>
      </c>
      <c r="D2073" s="2">
        <v>515</v>
      </c>
      <c r="E2073" s="13">
        <v>729</v>
      </c>
    </row>
    <row r="2074" spans="1:5" ht="12.75" hidden="1" outlineLevel="1">
      <c r="A2074" s="1" t="s">
        <v>2066</v>
      </c>
      <c r="B2074" s="2">
        <v>322</v>
      </c>
      <c r="C2074" s="2">
        <v>268.10000000000002</v>
      </c>
      <c r="D2074" s="2">
        <v>214.5</v>
      </c>
      <c r="E2074" s="13">
        <v>681</v>
      </c>
    </row>
    <row r="2075" spans="1:5" ht="12.75" hidden="1" outlineLevel="1">
      <c r="A2075" s="1" t="s">
        <v>2067</v>
      </c>
      <c r="B2075" s="2">
        <v>322</v>
      </c>
      <c r="C2075" s="2">
        <v>268.10000000000002</v>
      </c>
      <c r="D2075" s="2">
        <v>214.5</v>
      </c>
      <c r="E2075" s="13">
        <v>680</v>
      </c>
    </row>
    <row r="2076" spans="1:5" ht="12.75" hidden="1" outlineLevel="1">
      <c r="A2076" s="1" t="s">
        <v>2068</v>
      </c>
      <c r="B2076" s="2">
        <v>965</v>
      </c>
      <c r="C2076" s="2">
        <v>805</v>
      </c>
      <c r="D2076" s="2">
        <v>644</v>
      </c>
      <c r="E2076" s="13">
        <v>4396</v>
      </c>
    </row>
    <row r="2077" spans="1:5" ht="12.75" hidden="1" outlineLevel="1">
      <c r="A2077" s="1" t="s">
        <v>2069</v>
      </c>
      <c r="B2077" s="2">
        <v>770</v>
      </c>
      <c r="C2077" s="2">
        <v>644</v>
      </c>
      <c r="D2077" s="2">
        <v>515</v>
      </c>
      <c r="E2077" s="13">
        <v>5747</v>
      </c>
    </row>
    <row r="2078" spans="1:5" ht="12.75" hidden="1" outlineLevel="1">
      <c r="A2078" s="1" t="s">
        <v>2070</v>
      </c>
      <c r="B2078" s="2">
        <v>3860</v>
      </c>
      <c r="C2078" s="2">
        <v>3220</v>
      </c>
      <c r="D2078" s="2">
        <v>2575</v>
      </c>
      <c r="E2078" s="13">
        <v>685</v>
      </c>
    </row>
    <row r="2079" spans="1:5" ht="12.75" hidden="1" outlineLevel="1">
      <c r="A2079" s="1" t="s">
        <v>2071</v>
      </c>
      <c r="B2079" s="2">
        <v>1700</v>
      </c>
      <c r="C2079" s="2">
        <v>1415</v>
      </c>
      <c r="D2079" s="2">
        <v>1135</v>
      </c>
      <c r="E2079" s="13">
        <v>6769</v>
      </c>
    </row>
    <row r="2080" spans="1:5" ht="12.75" hidden="1" outlineLevel="1">
      <c r="A2080" s="1" t="s">
        <v>2072</v>
      </c>
      <c r="B2080" s="2">
        <v>770</v>
      </c>
      <c r="C2080" s="2">
        <v>644</v>
      </c>
      <c r="D2080" s="2">
        <v>515</v>
      </c>
      <c r="E2080" s="13">
        <v>712</v>
      </c>
    </row>
    <row r="2081" spans="1:5" ht="12.75" hidden="1" outlineLevel="1">
      <c r="A2081" s="1" t="s">
        <v>2073</v>
      </c>
      <c r="B2081" s="2">
        <v>870</v>
      </c>
      <c r="C2081" s="2">
        <v>725</v>
      </c>
      <c r="D2081" s="2">
        <v>579</v>
      </c>
      <c r="E2081" s="13">
        <v>6770</v>
      </c>
    </row>
    <row r="2082" spans="1:5" ht="12.75" hidden="1" outlineLevel="1">
      <c r="A2082" s="1" t="s">
        <v>2074</v>
      </c>
      <c r="B2082" s="2">
        <v>128.69999999999999</v>
      </c>
      <c r="C2082" s="2">
        <v>107.3</v>
      </c>
      <c r="D2082" s="2">
        <v>86</v>
      </c>
      <c r="E2082" s="13">
        <v>688</v>
      </c>
    </row>
    <row r="2083" spans="1:5" ht="12.75" hidden="1" outlineLevel="1">
      <c r="A2083" s="1" t="s">
        <v>2075</v>
      </c>
      <c r="B2083" s="2">
        <v>386</v>
      </c>
      <c r="C2083" s="2">
        <v>322</v>
      </c>
      <c r="D2083" s="2">
        <v>257.39999999999998</v>
      </c>
      <c r="E2083" s="13">
        <v>4117</v>
      </c>
    </row>
    <row r="2084" spans="1:5" ht="12.75" hidden="1" outlineLevel="1">
      <c r="A2084" s="1" t="s">
        <v>2076</v>
      </c>
      <c r="B2084" s="2">
        <v>5150</v>
      </c>
      <c r="C2084" s="2">
        <v>4290</v>
      </c>
      <c r="D2084" s="2">
        <v>3430</v>
      </c>
      <c r="E2084" s="13">
        <v>5321</v>
      </c>
    </row>
    <row r="2085" spans="1:5" ht="12.75" hidden="1" outlineLevel="1">
      <c r="A2085" s="1" t="s">
        <v>2077</v>
      </c>
      <c r="B2085" s="2">
        <v>835</v>
      </c>
      <c r="C2085" s="2">
        <v>697</v>
      </c>
      <c r="D2085" s="2">
        <v>558</v>
      </c>
      <c r="E2085" s="13">
        <v>8365</v>
      </c>
    </row>
    <row r="2086" spans="1:5" ht="12.75" hidden="1" outlineLevel="1">
      <c r="A2086" s="1" t="s">
        <v>2078</v>
      </c>
      <c r="B2086" s="2">
        <v>1255</v>
      </c>
      <c r="C2086" s="2">
        <v>1045</v>
      </c>
      <c r="D2086" s="2">
        <v>835</v>
      </c>
      <c r="E2086" s="13">
        <v>8364</v>
      </c>
    </row>
    <row r="2087" spans="1:5" ht="12.75" hidden="1" outlineLevel="1">
      <c r="A2087" s="1" t="s">
        <v>2079</v>
      </c>
      <c r="B2087" s="2">
        <v>322</v>
      </c>
      <c r="C2087" s="2">
        <v>268.10000000000002</v>
      </c>
      <c r="D2087" s="2">
        <v>214.5</v>
      </c>
      <c r="E2087" s="13">
        <v>3040</v>
      </c>
    </row>
    <row r="2088" spans="1:5" ht="12.75" hidden="1" outlineLevel="1">
      <c r="A2088" s="1" t="s">
        <v>2080</v>
      </c>
      <c r="B2088" s="2">
        <v>835</v>
      </c>
      <c r="C2088" s="2">
        <v>697</v>
      </c>
      <c r="D2088" s="2">
        <v>558</v>
      </c>
      <c r="E2088" s="13">
        <v>5179</v>
      </c>
    </row>
    <row r="2089" spans="1:5" ht="12.75" hidden="1" outlineLevel="1">
      <c r="A2089" s="1" t="s">
        <v>2081</v>
      </c>
      <c r="B2089" s="2">
        <v>386</v>
      </c>
      <c r="C2089" s="2">
        <v>322</v>
      </c>
      <c r="D2089" s="2">
        <v>257.39999999999998</v>
      </c>
      <c r="E2089" s="13">
        <v>686</v>
      </c>
    </row>
    <row r="2090" spans="1:5" ht="12.75" hidden="1" outlineLevel="1">
      <c r="A2090" s="1" t="s">
        <v>2082</v>
      </c>
      <c r="B2090" s="2">
        <v>770</v>
      </c>
      <c r="C2090" s="2">
        <v>644</v>
      </c>
      <c r="D2090" s="2">
        <v>515</v>
      </c>
      <c r="E2090" s="13">
        <v>684</v>
      </c>
    </row>
    <row r="2091" spans="1:5" ht="12.75" hidden="1" outlineLevel="1">
      <c r="A2091" s="1" t="s">
        <v>2083</v>
      </c>
      <c r="B2091" s="2">
        <v>193.1</v>
      </c>
      <c r="C2091" s="2">
        <v>160.9</v>
      </c>
      <c r="D2091" s="2">
        <v>128.69999999999999</v>
      </c>
      <c r="E2091" s="13">
        <v>4555</v>
      </c>
    </row>
    <row r="2092" spans="1:5" ht="12.75" hidden="1" outlineLevel="1">
      <c r="A2092" s="1" t="s">
        <v>2084</v>
      </c>
      <c r="B2092" s="2">
        <v>515</v>
      </c>
      <c r="C2092" s="2">
        <v>429</v>
      </c>
      <c r="D2092" s="2">
        <v>343</v>
      </c>
      <c r="E2092" s="13">
        <v>4364</v>
      </c>
    </row>
    <row r="2093" spans="1:5" ht="12.75" hidden="1" outlineLevel="1">
      <c r="A2093" s="1" t="s">
        <v>2085</v>
      </c>
      <c r="B2093" s="2">
        <v>231.7</v>
      </c>
      <c r="C2093" s="2">
        <v>193.1</v>
      </c>
      <c r="D2093" s="2">
        <v>154.4</v>
      </c>
      <c r="E2093" s="13">
        <v>3214</v>
      </c>
    </row>
    <row r="2094" spans="1:5" collapsed="1">
      <c r="A2094" s="4" t="s">
        <v>2086</v>
      </c>
      <c r="B2094" s="12"/>
      <c r="C2094" s="12"/>
      <c r="D2094" s="12"/>
      <c r="E2094" s="12"/>
    </row>
    <row r="2095" spans="1:5" ht="12.75" hidden="1" outlineLevel="1">
      <c r="A2095" s="1" t="s">
        <v>2087</v>
      </c>
      <c r="B2095" s="2">
        <v>163.69999999999999</v>
      </c>
      <c r="C2095" s="2">
        <v>159.1</v>
      </c>
      <c r="D2095" s="2">
        <v>154.4</v>
      </c>
      <c r="E2095" s="13">
        <v>4310</v>
      </c>
    </row>
    <row r="2096" spans="1:5" ht="12.75" hidden="1" outlineLevel="1">
      <c r="A2096" s="1" t="s">
        <v>2088</v>
      </c>
      <c r="B2096" s="2">
        <v>295.60000000000002</v>
      </c>
      <c r="C2096" s="2">
        <v>287.2</v>
      </c>
      <c r="D2096" s="2">
        <v>278.89999999999998</v>
      </c>
      <c r="E2096" s="13">
        <v>718</v>
      </c>
    </row>
    <row r="2097" spans="1:5" ht="12.75" hidden="1" outlineLevel="1">
      <c r="A2097" s="1" t="s">
        <v>2089</v>
      </c>
      <c r="B2097" s="2">
        <v>98</v>
      </c>
      <c r="C2097" s="2">
        <v>95</v>
      </c>
      <c r="D2097" s="2">
        <v>92</v>
      </c>
      <c r="E2097" s="13">
        <v>5025</v>
      </c>
    </row>
    <row r="2098" spans="1:5" ht="12.75" hidden="1" outlineLevel="1">
      <c r="A2098" s="1" t="s">
        <v>2090</v>
      </c>
      <c r="B2098" s="2">
        <v>109.1</v>
      </c>
      <c r="C2098" s="2">
        <v>106</v>
      </c>
      <c r="D2098" s="2">
        <v>103</v>
      </c>
      <c r="E2098" s="13">
        <v>713</v>
      </c>
    </row>
    <row r="2099" spans="1:5" collapsed="1">
      <c r="A2099" s="4" t="s">
        <v>2091</v>
      </c>
      <c r="B2099" s="12"/>
      <c r="C2099" s="12"/>
      <c r="D2099" s="12"/>
      <c r="E2099" s="12"/>
    </row>
    <row r="2100" spans="1:5" ht="12.75" hidden="1" outlineLevel="1">
      <c r="A2100" s="1" t="s">
        <v>2092</v>
      </c>
      <c r="B2100" s="2">
        <v>2225</v>
      </c>
      <c r="C2100" s="2">
        <v>2140</v>
      </c>
      <c r="D2100" s="2">
        <v>2060</v>
      </c>
      <c r="E2100" s="13">
        <v>690</v>
      </c>
    </row>
    <row r="2101" spans="1:5" ht="12.75" hidden="1" outlineLevel="1">
      <c r="A2101" s="1" t="s">
        <v>2093</v>
      </c>
      <c r="B2101" s="2">
        <v>2315</v>
      </c>
      <c r="C2101" s="2">
        <v>2230</v>
      </c>
      <c r="D2101" s="2">
        <v>2145</v>
      </c>
      <c r="E2101" s="13">
        <v>4571</v>
      </c>
    </row>
    <row r="2102" spans="1:5" collapsed="1">
      <c r="A2102" s="4" t="s">
        <v>2094</v>
      </c>
      <c r="B2102" s="12"/>
      <c r="C2102" s="12"/>
      <c r="D2102" s="12"/>
      <c r="E2102" s="12"/>
    </row>
    <row r="2103" spans="1:5" ht="12.75" hidden="1" outlineLevel="1">
      <c r="A2103" s="1" t="s">
        <v>2095</v>
      </c>
      <c r="B2103" s="2">
        <v>945</v>
      </c>
      <c r="C2103" s="2">
        <v>900</v>
      </c>
      <c r="D2103" s="2">
        <v>860</v>
      </c>
      <c r="E2103" s="13">
        <v>692</v>
      </c>
    </row>
    <row r="2104" spans="1:5" ht="12.75" hidden="1" outlineLevel="1">
      <c r="A2104" s="1" t="s">
        <v>2096</v>
      </c>
      <c r="B2104" s="2">
        <v>1650</v>
      </c>
      <c r="C2104" s="2">
        <v>1575</v>
      </c>
      <c r="D2104" s="2">
        <v>1500</v>
      </c>
      <c r="E2104" s="13">
        <v>3028</v>
      </c>
    </row>
    <row r="2105" spans="1:5" collapsed="1">
      <c r="A2105" s="4" t="s">
        <v>2097</v>
      </c>
      <c r="B2105" s="12"/>
      <c r="C2105" s="12"/>
      <c r="D2105" s="12"/>
      <c r="E2105" s="12"/>
    </row>
    <row r="2106" spans="1:5" ht="12.75" hidden="1" outlineLevel="1">
      <c r="A2106" s="1" t="s">
        <v>2098</v>
      </c>
      <c r="B2106" s="2">
        <v>2275</v>
      </c>
      <c r="C2106" s="2">
        <v>2210</v>
      </c>
      <c r="D2106" s="2">
        <v>2145</v>
      </c>
      <c r="E2106" s="13">
        <v>6645</v>
      </c>
    </row>
    <row r="2107" spans="1:5" ht="19.5" hidden="1" outlineLevel="1">
      <c r="A2107" s="1" t="s">
        <v>2099</v>
      </c>
      <c r="B2107" s="2">
        <v>4545</v>
      </c>
      <c r="C2107" s="2">
        <v>4420</v>
      </c>
      <c r="D2107" s="2">
        <v>4290</v>
      </c>
      <c r="E2107" s="13">
        <v>4524</v>
      </c>
    </row>
    <row r="2108" spans="1:5" ht="12.75" hidden="1" outlineLevel="1">
      <c r="A2108" s="1" t="s">
        <v>2100</v>
      </c>
      <c r="B2108" s="2">
        <v>25010</v>
      </c>
      <c r="C2108" s="2">
        <v>24300</v>
      </c>
      <c r="D2108" s="2">
        <v>23600</v>
      </c>
      <c r="E2108" s="13">
        <v>6646</v>
      </c>
    </row>
    <row r="2109" spans="1:5" collapsed="1">
      <c r="A2109" s="4" t="s">
        <v>2101</v>
      </c>
      <c r="B2109" s="12"/>
      <c r="C2109" s="12"/>
      <c r="D2109" s="12"/>
      <c r="E2109" s="12"/>
    </row>
    <row r="2110" spans="1:5" ht="12.75" hidden="1" outlineLevel="1">
      <c r="A2110" s="1" t="s">
        <v>2102</v>
      </c>
      <c r="B2110" s="2">
        <v>371</v>
      </c>
      <c r="C2110" s="2">
        <v>357</v>
      </c>
      <c r="D2110" s="2">
        <v>343</v>
      </c>
      <c r="E2110" s="13">
        <v>4574</v>
      </c>
    </row>
    <row r="2111" spans="1:5" collapsed="1">
      <c r="A2111" s="4" t="s">
        <v>2103</v>
      </c>
      <c r="B2111" s="12"/>
      <c r="C2111" s="12"/>
      <c r="D2111" s="12"/>
      <c r="E2111" s="12"/>
    </row>
    <row r="2112" spans="1:5" ht="12.75" hidden="1" outlineLevel="1">
      <c r="A2112" s="1" t="s">
        <v>2104</v>
      </c>
      <c r="B2112" s="2">
        <v>100000</v>
      </c>
      <c r="C2112" s="2">
        <v>97210</v>
      </c>
      <c r="D2112" s="2">
        <v>94380</v>
      </c>
      <c r="E2112" s="13">
        <v>7610</v>
      </c>
    </row>
    <row r="2113" spans="1:5" collapsed="1">
      <c r="A2113" s="4" t="s">
        <v>2105</v>
      </c>
      <c r="B2113" s="12"/>
      <c r="C2113" s="12"/>
      <c r="D2113" s="12"/>
      <c r="E2113" s="12"/>
    </row>
    <row r="2114" spans="1:5" ht="12.75" hidden="1" outlineLevel="1">
      <c r="A2114" s="1" t="s">
        <v>2106</v>
      </c>
      <c r="B2114" s="2">
        <v>6365</v>
      </c>
      <c r="C2114" s="2">
        <v>6185</v>
      </c>
      <c r="D2114" s="2">
        <v>6005</v>
      </c>
      <c r="E2114" s="13">
        <v>10153</v>
      </c>
    </row>
    <row r="2115" spans="1:5" ht="12.75" hidden="1" outlineLevel="1">
      <c r="A2115" s="1" t="s">
        <v>2107</v>
      </c>
      <c r="B2115" s="2">
        <v>2960</v>
      </c>
      <c r="C2115" s="2">
        <v>2875</v>
      </c>
      <c r="D2115" s="2">
        <v>2795</v>
      </c>
      <c r="E2115" s="13">
        <v>10308</v>
      </c>
    </row>
    <row r="2116" spans="1:5" ht="19.5" hidden="1" outlineLevel="1">
      <c r="A2116" s="1" t="s">
        <v>2108</v>
      </c>
      <c r="B2116" s="2">
        <v>11370</v>
      </c>
      <c r="C2116" s="2">
        <v>11050</v>
      </c>
      <c r="D2116" s="2">
        <v>10730</v>
      </c>
      <c r="E2116" s="13">
        <v>10324</v>
      </c>
    </row>
    <row r="2117" spans="1:5" ht="12.75" hidden="1" outlineLevel="1">
      <c r="A2117" s="1" t="s">
        <v>2109</v>
      </c>
      <c r="B2117" s="2">
        <v>18190</v>
      </c>
      <c r="C2117" s="2">
        <v>17670</v>
      </c>
      <c r="D2117" s="2">
        <v>17160</v>
      </c>
      <c r="E2117" s="13">
        <v>4771</v>
      </c>
    </row>
    <row r="2118" spans="1:5" ht="19.5" hidden="1" outlineLevel="1">
      <c r="A2118" s="1" t="s">
        <v>2110</v>
      </c>
      <c r="B2118" s="2">
        <v>2730</v>
      </c>
      <c r="C2118" s="2">
        <v>2650</v>
      </c>
      <c r="D2118" s="2">
        <v>2575</v>
      </c>
      <c r="E2118" s="13">
        <v>4668</v>
      </c>
    </row>
    <row r="2119" spans="1:5" ht="19.5" hidden="1" outlineLevel="1">
      <c r="A2119" s="1" t="s">
        <v>2111</v>
      </c>
      <c r="B2119" s="2">
        <v>7275</v>
      </c>
      <c r="C2119" s="2">
        <v>7070</v>
      </c>
      <c r="D2119" s="2">
        <v>6865</v>
      </c>
      <c r="E2119" s="13">
        <v>1160</v>
      </c>
    </row>
    <row r="2120" spans="1:5" ht="12.75" hidden="1" outlineLevel="1">
      <c r="A2120" s="1" t="s">
        <v>2112</v>
      </c>
      <c r="B2120" s="2">
        <v>27280</v>
      </c>
      <c r="C2120" s="2">
        <v>26510</v>
      </c>
      <c r="D2120" s="2">
        <v>25740</v>
      </c>
      <c r="E2120" s="13">
        <v>6658</v>
      </c>
    </row>
    <row r="2121" spans="1:5" ht="12.75" hidden="1" outlineLevel="1">
      <c r="A2121" s="1" t="s">
        <v>2113</v>
      </c>
      <c r="B2121" s="2">
        <v>455</v>
      </c>
      <c r="C2121" s="2">
        <v>442</v>
      </c>
      <c r="D2121" s="2">
        <v>429</v>
      </c>
      <c r="E2121" s="13">
        <v>10323</v>
      </c>
    </row>
    <row r="2122" spans="1:5" collapsed="1">
      <c r="A2122" s="4" t="s">
        <v>2114</v>
      </c>
      <c r="B2122" s="12"/>
      <c r="C2122" s="12"/>
      <c r="D2122" s="12"/>
      <c r="E2122" s="12"/>
    </row>
    <row r="2123" spans="1:5" ht="12.75" hidden="1" outlineLevel="1">
      <c r="A2123" s="1" t="s">
        <v>2115</v>
      </c>
      <c r="B2123" s="2">
        <v>31</v>
      </c>
      <c r="C2123" s="2">
        <v>28.5</v>
      </c>
      <c r="D2123" s="2">
        <v>25.5</v>
      </c>
      <c r="E2123" s="13">
        <v>10198</v>
      </c>
    </row>
    <row r="2124" spans="1:5" ht="12.75" hidden="1" outlineLevel="1">
      <c r="A2124" s="1" t="s">
        <v>2116</v>
      </c>
      <c r="B2124" s="2">
        <v>36</v>
      </c>
      <c r="C2124" s="2">
        <v>33</v>
      </c>
      <c r="D2124" s="2">
        <v>30</v>
      </c>
      <c r="E2124" s="13">
        <v>10199</v>
      </c>
    </row>
    <row r="2125" spans="1:5" ht="12.75" hidden="1" outlineLevel="1">
      <c r="A2125" s="1" t="s">
        <v>2117</v>
      </c>
      <c r="B2125" s="2">
        <v>92.5</v>
      </c>
      <c r="C2125" s="2">
        <v>85</v>
      </c>
      <c r="D2125" s="2">
        <v>77</v>
      </c>
      <c r="E2125" s="13">
        <v>10197</v>
      </c>
    </row>
    <row r="2126" spans="1:5" ht="12.75" hidden="1" outlineLevel="1">
      <c r="A2126" s="1" t="s">
        <v>2118</v>
      </c>
      <c r="B2126" s="2">
        <v>113.3</v>
      </c>
      <c r="C2126" s="2">
        <v>103.8</v>
      </c>
      <c r="D2126" s="2">
        <v>94.5</v>
      </c>
      <c r="E2126" s="13">
        <v>10204</v>
      </c>
    </row>
    <row r="2127" spans="1:5" ht="12.75" hidden="1" outlineLevel="1">
      <c r="A2127" s="1" t="s">
        <v>2119</v>
      </c>
      <c r="B2127" s="2">
        <v>185.3</v>
      </c>
      <c r="C2127" s="2">
        <v>169.9</v>
      </c>
      <c r="D2127" s="2">
        <v>154.4</v>
      </c>
      <c r="E2127" s="13">
        <v>10205</v>
      </c>
    </row>
    <row r="2128" spans="1:5" ht="12.75" hidden="1" outlineLevel="1">
      <c r="A2128" s="1" t="s">
        <v>2120</v>
      </c>
      <c r="B2128" s="2">
        <v>10.5</v>
      </c>
      <c r="C2128" s="2">
        <v>9.5</v>
      </c>
      <c r="D2128" s="2">
        <v>8.6</v>
      </c>
      <c r="E2128" s="13">
        <v>10121</v>
      </c>
    </row>
    <row r="2129" spans="1:5" ht="12.75" hidden="1" outlineLevel="1">
      <c r="A2129" s="1" t="s">
        <v>2121</v>
      </c>
      <c r="B2129" s="2">
        <v>7.8</v>
      </c>
      <c r="C2129" s="2">
        <v>7.1</v>
      </c>
      <c r="D2129" s="2">
        <v>6.5</v>
      </c>
      <c r="E2129" s="13">
        <v>10166</v>
      </c>
    </row>
    <row r="2130" spans="1:5" ht="12.75" hidden="1" outlineLevel="1">
      <c r="A2130" s="1" t="s">
        <v>2122</v>
      </c>
      <c r="B2130" s="2">
        <v>6180</v>
      </c>
      <c r="C2130" s="2">
        <v>5665</v>
      </c>
      <c r="D2130" s="2">
        <v>5150</v>
      </c>
      <c r="E2130" s="13">
        <v>9997</v>
      </c>
    </row>
    <row r="2131" spans="1:5" ht="12.75" hidden="1" outlineLevel="1">
      <c r="A2131" s="1" t="s">
        <v>2123</v>
      </c>
      <c r="B2131" s="2">
        <v>13.5</v>
      </c>
      <c r="C2131" s="2">
        <v>12.5</v>
      </c>
      <c r="D2131" s="2">
        <v>11</v>
      </c>
      <c r="E2131" s="13">
        <v>10233</v>
      </c>
    </row>
    <row r="2132" spans="1:5" ht="12.75" hidden="1" outlineLevel="1">
      <c r="A2132" s="1" t="s">
        <v>2124</v>
      </c>
      <c r="B2132" s="2">
        <v>11840</v>
      </c>
      <c r="C2132" s="2">
        <v>10850</v>
      </c>
      <c r="D2132" s="2">
        <v>9865</v>
      </c>
      <c r="E2132" s="13">
        <v>10234</v>
      </c>
    </row>
    <row r="2133" spans="1:5" ht="12.75" hidden="1" outlineLevel="1">
      <c r="A2133" s="1" t="s">
        <v>2125</v>
      </c>
      <c r="B2133" s="2">
        <v>22</v>
      </c>
      <c r="C2133" s="2">
        <v>20.5</v>
      </c>
      <c r="D2133" s="2">
        <v>18.5</v>
      </c>
      <c r="E2133" s="13">
        <v>10247</v>
      </c>
    </row>
    <row r="2134" spans="1:5" ht="12.75" hidden="1" outlineLevel="1">
      <c r="A2134" s="1" t="s">
        <v>2126</v>
      </c>
      <c r="B2134" s="2">
        <v>20.5</v>
      </c>
      <c r="C2134" s="2">
        <v>19</v>
      </c>
      <c r="D2134" s="2">
        <v>17</v>
      </c>
      <c r="E2134" s="13">
        <v>10282</v>
      </c>
    </row>
    <row r="2135" spans="1:5" ht="12.75" hidden="1" outlineLevel="1">
      <c r="A2135" s="1" t="s">
        <v>2127</v>
      </c>
      <c r="B2135" s="2">
        <v>12.5</v>
      </c>
      <c r="C2135" s="2">
        <v>11.5</v>
      </c>
      <c r="D2135" s="2">
        <v>10.5</v>
      </c>
      <c r="E2135" s="13">
        <v>10249</v>
      </c>
    </row>
    <row r="2136" spans="1:5" ht="12.75" hidden="1" outlineLevel="1">
      <c r="A2136" s="1" t="s">
        <v>2128</v>
      </c>
      <c r="B2136" s="2">
        <v>16470</v>
      </c>
      <c r="C2136" s="2">
        <v>15100</v>
      </c>
      <c r="D2136" s="2">
        <v>13730</v>
      </c>
      <c r="E2136" s="13">
        <v>10248</v>
      </c>
    </row>
    <row r="2137" spans="1:5" ht="12.75" hidden="1" outlineLevel="1">
      <c r="A2137" s="1" t="s">
        <v>2129</v>
      </c>
      <c r="B2137" s="2">
        <v>28</v>
      </c>
      <c r="C2137" s="2">
        <v>25.5</v>
      </c>
      <c r="D2137" s="2">
        <v>23</v>
      </c>
      <c r="E2137" s="13">
        <v>10251</v>
      </c>
    </row>
    <row r="2138" spans="1:5" ht="12.75" hidden="1" outlineLevel="1">
      <c r="A2138" s="1" t="s">
        <v>2130</v>
      </c>
      <c r="B2138" s="2">
        <v>32070</v>
      </c>
      <c r="C2138" s="2">
        <v>29400</v>
      </c>
      <c r="D2138" s="2">
        <v>26730</v>
      </c>
      <c r="E2138" s="13">
        <v>10250</v>
      </c>
    </row>
    <row r="2139" spans="1:5" ht="19.5" hidden="1" outlineLevel="1">
      <c r="A2139" s="1" t="s">
        <v>2131</v>
      </c>
      <c r="B2139" s="2">
        <v>72</v>
      </c>
      <c r="C2139" s="2">
        <v>66</v>
      </c>
      <c r="D2139" s="2">
        <v>60</v>
      </c>
      <c r="E2139" s="13">
        <v>10164</v>
      </c>
    </row>
    <row r="2140" spans="1:5" ht="12.75" hidden="1" outlineLevel="1">
      <c r="A2140" s="1" t="s">
        <v>2132</v>
      </c>
      <c r="B2140" s="2">
        <v>21.5</v>
      </c>
      <c r="C2140" s="2">
        <v>20</v>
      </c>
      <c r="D2140" s="2">
        <v>18</v>
      </c>
      <c r="E2140" s="13">
        <v>10179</v>
      </c>
    </row>
    <row r="2141" spans="1:5" ht="12.75" hidden="1" outlineLevel="1">
      <c r="A2141" s="1" t="s">
        <v>2133</v>
      </c>
      <c r="B2141" s="2">
        <v>46.5</v>
      </c>
      <c r="C2141" s="2">
        <v>42.5</v>
      </c>
      <c r="D2141" s="2">
        <v>38.5</v>
      </c>
      <c r="E2141" s="13">
        <v>10116</v>
      </c>
    </row>
    <row r="2142" spans="1:5" ht="12.75" hidden="1" outlineLevel="1">
      <c r="A2142" s="1" t="s">
        <v>2134</v>
      </c>
      <c r="B2142" s="2">
        <v>72</v>
      </c>
      <c r="C2142" s="2">
        <v>66</v>
      </c>
      <c r="D2142" s="2">
        <v>60</v>
      </c>
      <c r="E2142" s="13">
        <v>10114</v>
      </c>
    </row>
    <row r="2143" spans="1:5" ht="12.75" hidden="1" outlineLevel="1">
      <c r="A2143" s="1" t="s">
        <v>2135</v>
      </c>
      <c r="B2143" s="2">
        <v>17</v>
      </c>
      <c r="C2143" s="2">
        <v>15.5</v>
      </c>
      <c r="D2143" s="2">
        <v>14</v>
      </c>
      <c r="E2143" s="13">
        <v>10235</v>
      </c>
    </row>
    <row r="2144" spans="1:5" ht="12.75" hidden="1" outlineLevel="1">
      <c r="A2144" s="1" t="s">
        <v>2136</v>
      </c>
      <c r="B2144" s="2">
        <v>14360</v>
      </c>
      <c r="C2144" s="2">
        <v>13170</v>
      </c>
      <c r="D2144" s="2">
        <v>11970</v>
      </c>
      <c r="E2144" s="13">
        <v>10202</v>
      </c>
    </row>
    <row r="2145" spans="1:5" ht="12.75" hidden="1" outlineLevel="1">
      <c r="A2145" s="1" t="s">
        <v>2137</v>
      </c>
      <c r="B2145" s="2">
        <v>15960</v>
      </c>
      <c r="C2145" s="2">
        <v>14630</v>
      </c>
      <c r="D2145" s="2">
        <v>13300</v>
      </c>
      <c r="E2145" s="13">
        <v>10157</v>
      </c>
    </row>
    <row r="2146" spans="1:5" ht="12.75" hidden="1" outlineLevel="1">
      <c r="A2146" s="1" t="s">
        <v>2138</v>
      </c>
      <c r="B2146" s="2">
        <v>28.5</v>
      </c>
      <c r="C2146" s="2">
        <v>26</v>
      </c>
      <c r="D2146" s="2">
        <v>23.5</v>
      </c>
      <c r="E2146" s="13">
        <v>10253</v>
      </c>
    </row>
    <row r="2147" spans="1:5" ht="12.75" hidden="1" outlineLevel="1">
      <c r="A2147" s="1" t="s">
        <v>2139</v>
      </c>
      <c r="B2147" s="2">
        <v>23</v>
      </c>
      <c r="C2147" s="2">
        <v>21</v>
      </c>
      <c r="D2147" s="2">
        <v>19.5</v>
      </c>
      <c r="E2147" s="13">
        <v>10106</v>
      </c>
    </row>
    <row r="2148" spans="1:5" ht="12.75" hidden="1" outlineLevel="1">
      <c r="A2148" s="1" t="s">
        <v>2140</v>
      </c>
      <c r="B2148" s="2">
        <v>24</v>
      </c>
      <c r="C2148" s="2">
        <v>22</v>
      </c>
      <c r="D2148" s="2">
        <v>20</v>
      </c>
      <c r="E2148" s="13">
        <v>10168</v>
      </c>
    </row>
    <row r="2149" spans="1:5" ht="12.75" hidden="1" outlineLevel="1">
      <c r="A2149" s="1" t="s">
        <v>2141</v>
      </c>
      <c r="B2149" s="2">
        <v>18280</v>
      </c>
      <c r="C2149" s="2">
        <v>16750</v>
      </c>
      <c r="D2149" s="2">
        <v>15230</v>
      </c>
      <c r="E2149" s="13">
        <v>9998</v>
      </c>
    </row>
    <row r="2150" spans="1:5" ht="12.75" hidden="1" outlineLevel="1">
      <c r="A2150" s="1" t="s">
        <v>2142</v>
      </c>
      <c r="B2150" s="2">
        <v>35.5</v>
      </c>
      <c r="C2150" s="2">
        <v>32.5</v>
      </c>
      <c r="D2150" s="2">
        <v>29.5</v>
      </c>
      <c r="E2150" s="13">
        <v>10117</v>
      </c>
    </row>
    <row r="2151" spans="1:5" ht="12.75" hidden="1" outlineLevel="1">
      <c r="A2151" s="1" t="s">
        <v>2143</v>
      </c>
      <c r="B2151" s="2">
        <v>30070</v>
      </c>
      <c r="C2151" s="2">
        <v>27570</v>
      </c>
      <c r="D2151" s="2">
        <v>25060</v>
      </c>
      <c r="E2151" s="13">
        <v>10266</v>
      </c>
    </row>
    <row r="2152" spans="1:5" ht="19.5" hidden="1" outlineLevel="1">
      <c r="A2152" s="1" t="s">
        <v>2144</v>
      </c>
      <c r="B2152" s="2">
        <v>23680</v>
      </c>
      <c r="C2152" s="2">
        <v>21710</v>
      </c>
      <c r="D2152" s="2">
        <v>19730</v>
      </c>
      <c r="E2152" s="13">
        <v>10167</v>
      </c>
    </row>
    <row r="2153" spans="1:5" ht="19.5" hidden="1" outlineLevel="1">
      <c r="A2153" s="1" t="s">
        <v>2145</v>
      </c>
      <c r="B2153" s="2">
        <v>31</v>
      </c>
      <c r="C2153" s="2">
        <v>28.5</v>
      </c>
      <c r="D2153" s="2">
        <v>25.5</v>
      </c>
      <c r="E2153" s="13">
        <v>10004</v>
      </c>
    </row>
    <row r="2154" spans="1:5" ht="12.75" hidden="1" outlineLevel="1">
      <c r="A2154" s="1" t="s">
        <v>2146</v>
      </c>
      <c r="B2154" s="2">
        <v>43240</v>
      </c>
      <c r="C2154" s="2">
        <v>39640</v>
      </c>
      <c r="D2154" s="2">
        <v>36040</v>
      </c>
      <c r="E2154" s="13">
        <v>10173</v>
      </c>
    </row>
    <row r="2155" spans="1:5" ht="12.75" hidden="1" outlineLevel="1">
      <c r="A2155" s="1" t="s">
        <v>2147</v>
      </c>
      <c r="B2155" s="2">
        <v>56.5</v>
      </c>
      <c r="C2155" s="2">
        <v>52</v>
      </c>
      <c r="D2155" s="2">
        <v>47</v>
      </c>
      <c r="E2155" s="13">
        <v>10104</v>
      </c>
    </row>
    <row r="2156" spans="1:5" ht="12.75" hidden="1" outlineLevel="1">
      <c r="A2156" s="1" t="s">
        <v>2148</v>
      </c>
      <c r="B2156" s="2">
        <v>35420</v>
      </c>
      <c r="C2156" s="2">
        <v>32470</v>
      </c>
      <c r="D2156" s="2">
        <v>29520</v>
      </c>
      <c r="E2156" s="13">
        <v>10178</v>
      </c>
    </row>
    <row r="2157" spans="1:5" ht="12.75" hidden="1" outlineLevel="1">
      <c r="A2157" s="1" t="s">
        <v>2149</v>
      </c>
      <c r="B2157" s="2">
        <v>70.5</v>
      </c>
      <c r="C2157" s="2">
        <v>64.5</v>
      </c>
      <c r="D2157" s="2">
        <v>59</v>
      </c>
      <c r="E2157" s="13">
        <v>10111</v>
      </c>
    </row>
    <row r="2158" spans="1:5" ht="12.75" hidden="1" outlineLevel="1">
      <c r="A2158" s="1" t="s">
        <v>2150</v>
      </c>
      <c r="B2158" s="2">
        <v>108.1</v>
      </c>
      <c r="C2158" s="2">
        <v>99</v>
      </c>
      <c r="D2158" s="2">
        <v>90</v>
      </c>
      <c r="E2158" s="13">
        <v>10112</v>
      </c>
    </row>
    <row r="2159" spans="1:5" ht="12.75" hidden="1" outlineLevel="1">
      <c r="A2159" s="1" t="s">
        <v>2151</v>
      </c>
      <c r="B2159" s="2">
        <v>149.30000000000001</v>
      </c>
      <c r="C2159" s="2">
        <v>136.9</v>
      </c>
      <c r="D2159" s="2">
        <v>124.4</v>
      </c>
      <c r="E2159" s="13">
        <v>10107</v>
      </c>
    </row>
    <row r="2160" spans="1:5" ht="12.75" hidden="1" outlineLevel="1">
      <c r="A2160" s="1" t="s">
        <v>2152</v>
      </c>
      <c r="B2160" s="2">
        <v>164.7</v>
      </c>
      <c r="C2160" s="2">
        <v>151</v>
      </c>
      <c r="D2160" s="2">
        <v>137.30000000000001</v>
      </c>
      <c r="E2160" s="13">
        <v>9999</v>
      </c>
    </row>
    <row r="2161" spans="1:5" ht="12.75" hidden="1" outlineLevel="1">
      <c r="A2161" s="1" t="s">
        <v>2153</v>
      </c>
      <c r="B2161" s="2">
        <v>27800</v>
      </c>
      <c r="C2161" s="2">
        <v>25480</v>
      </c>
      <c r="D2161" s="2">
        <v>23170</v>
      </c>
      <c r="E2161" s="13">
        <v>10194</v>
      </c>
    </row>
    <row r="2162" spans="1:5" ht="12.75" hidden="1" outlineLevel="1">
      <c r="A2162" s="1" t="s">
        <v>2154</v>
      </c>
      <c r="B2162" s="2">
        <v>169.9</v>
      </c>
      <c r="C2162" s="2">
        <v>155.69999999999999</v>
      </c>
      <c r="D2162" s="2">
        <v>141.6</v>
      </c>
      <c r="E2162" s="13">
        <v>9993</v>
      </c>
    </row>
    <row r="2163" spans="1:5" ht="12.75" hidden="1" outlineLevel="1">
      <c r="A2163" s="1" t="s">
        <v>2155</v>
      </c>
      <c r="B2163" s="2">
        <v>350</v>
      </c>
      <c r="C2163" s="2">
        <v>321</v>
      </c>
      <c r="D2163" s="2">
        <v>291.7</v>
      </c>
      <c r="E2163" s="13">
        <v>9994</v>
      </c>
    </row>
    <row r="2164" spans="1:5" ht="12.75" hidden="1" outlineLevel="1">
      <c r="A2164" s="1" t="s">
        <v>2156</v>
      </c>
      <c r="B2164" s="2">
        <v>12870</v>
      </c>
      <c r="C2164" s="2">
        <v>11800</v>
      </c>
      <c r="D2164" s="2">
        <v>10730</v>
      </c>
      <c r="E2164" s="13">
        <v>10110</v>
      </c>
    </row>
    <row r="2165" spans="1:5" ht="12.75" hidden="1" outlineLevel="1">
      <c r="A2165" s="1" t="s">
        <v>2157</v>
      </c>
      <c r="B2165" s="2">
        <v>16470</v>
      </c>
      <c r="C2165" s="2">
        <v>15100</v>
      </c>
      <c r="D2165" s="2">
        <v>13730</v>
      </c>
      <c r="E2165" s="13">
        <v>10083</v>
      </c>
    </row>
    <row r="2166" spans="1:5" ht="12.75" hidden="1" outlineLevel="1">
      <c r="A2166" s="1" t="s">
        <v>2158</v>
      </c>
      <c r="B2166" s="2">
        <v>3090</v>
      </c>
      <c r="C2166" s="2">
        <v>2830</v>
      </c>
      <c r="D2166" s="2">
        <v>2575</v>
      </c>
      <c r="E2166" s="13">
        <v>9995</v>
      </c>
    </row>
    <row r="2167" spans="1:5" ht="12.75" hidden="1" outlineLevel="1">
      <c r="A2167" s="1" t="s">
        <v>2159</v>
      </c>
      <c r="B2167" s="2">
        <v>231.7</v>
      </c>
      <c r="C2167" s="2">
        <v>212.4</v>
      </c>
      <c r="D2167" s="2">
        <v>193.1</v>
      </c>
      <c r="E2167" s="13">
        <v>9991</v>
      </c>
    </row>
    <row r="2168" spans="1:5" ht="12.75" hidden="1" outlineLevel="1">
      <c r="A2168" s="1" t="s">
        <v>2160</v>
      </c>
      <c r="B2168" s="2">
        <v>1030</v>
      </c>
      <c r="C2168" s="2">
        <v>945</v>
      </c>
      <c r="D2168" s="2">
        <v>860</v>
      </c>
      <c r="E2168" s="13">
        <v>1189</v>
      </c>
    </row>
    <row r="2169" spans="1:5" ht="12.75" hidden="1" outlineLevel="1">
      <c r="A2169" s="1" t="s">
        <v>2161</v>
      </c>
      <c r="B2169" s="2">
        <v>900</v>
      </c>
      <c r="C2169" s="2">
        <v>825</v>
      </c>
      <c r="D2169" s="2">
        <v>750</v>
      </c>
      <c r="E2169" s="13">
        <v>987</v>
      </c>
    </row>
    <row r="2170" spans="1:5" ht="12.75" hidden="1" outlineLevel="1">
      <c r="A2170" s="1" t="s">
        <v>2162</v>
      </c>
      <c r="B2170" s="2">
        <v>669</v>
      </c>
      <c r="C2170" s="2">
        <v>614</v>
      </c>
      <c r="D2170" s="2">
        <v>558</v>
      </c>
      <c r="E2170" s="13">
        <v>994</v>
      </c>
    </row>
    <row r="2171" spans="1:5" ht="12.75" hidden="1" outlineLevel="1">
      <c r="A2171" s="1" t="s">
        <v>2163</v>
      </c>
      <c r="B2171" s="2">
        <v>980</v>
      </c>
      <c r="C2171" s="2">
        <v>895</v>
      </c>
      <c r="D2171" s="2">
        <v>815</v>
      </c>
      <c r="E2171" s="13">
        <v>9316</v>
      </c>
    </row>
    <row r="2172" spans="1:5" ht="12.75" hidden="1" outlineLevel="1">
      <c r="A2172" s="1" t="s">
        <v>2164</v>
      </c>
      <c r="B2172" s="2">
        <v>87.5</v>
      </c>
      <c r="C2172" s="2">
        <v>80</v>
      </c>
      <c r="D2172" s="2">
        <v>73</v>
      </c>
      <c r="E2172" s="13">
        <v>9575</v>
      </c>
    </row>
    <row r="2173" spans="1:5" ht="12.75" hidden="1" outlineLevel="1">
      <c r="A2173" s="1" t="s">
        <v>2165</v>
      </c>
      <c r="B2173" s="2">
        <v>248.1</v>
      </c>
      <c r="C2173" s="2">
        <v>227.5</v>
      </c>
      <c r="D2173" s="2">
        <v>206.8</v>
      </c>
      <c r="E2173" s="13">
        <v>9727</v>
      </c>
    </row>
    <row r="2174" spans="1:5" ht="12.75" hidden="1" outlineLevel="1">
      <c r="A2174" s="1" t="s">
        <v>2166</v>
      </c>
      <c r="B2174" s="2">
        <v>154.4</v>
      </c>
      <c r="C2174" s="2">
        <v>141.6</v>
      </c>
      <c r="D2174" s="2">
        <v>128.69999999999999</v>
      </c>
      <c r="E2174" s="13">
        <v>9921</v>
      </c>
    </row>
    <row r="2175" spans="1:5" ht="12.75" hidden="1" outlineLevel="1">
      <c r="A2175" s="1" t="s">
        <v>2167</v>
      </c>
      <c r="B2175" s="2">
        <v>201</v>
      </c>
      <c r="C2175" s="2">
        <v>184.2</v>
      </c>
      <c r="D2175" s="2">
        <v>167.5</v>
      </c>
      <c r="E2175" s="13">
        <v>973</v>
      </c>
    </row>
    <row r="2176" spans="1:5" ht="12.75" hidden="1" outlineLevel="1">
      <c r="A2176" s="1" t="s">
        <v>2168</v>
      </c>
      <c r="B2176" s="2">
        <v>6280</v>
      </c>
      <c r="C2176" s="2">
        <v>5755</v>
      </c>
      <c r="D2176" s="2">
        <v>5235</v>
      </c>
      <c r="E2176" s="13">
        <v>9464</v>
      </c>
    </row>
    <row r="2177" spans="1:5" ht="12.75" hidden="1" outlineLevel="1">
      <c r="A2177" s="1" t="s">
        <v>2169</v>
      </c>
      <c r="B2177" s="2">
        <v>236.8</v>
      </c>
      <c r="C2177" s="2">
        <v>217.1</v>
      </c>
      <c r="D2177" s="2">
        <v>197.3</v>
      </c>
      <c r="E2177" s="13">
        <v>9376</v>
      </c>
    </row>
    <row r="2178" spans="1:5" ht="12.75" hidden="1" outlineLevel="1">
      <c r="A2178" s="1" t="s">
        <v>2170</v>
      </c>
      <c r="B2178" s="2">
        <v>695</v>
      </c>
      <c r="C2178" s="2">
        <v>637</v>
      </c>
      <c r="D2178" s="2">
        <v>579</v>
      </c>
      <c r="E2178" s="13">
        <v>9576</v>
      </c>
    </row>
    <row r="2179" spans="1:5" ht="12.75" hidden="1" outlineLevel="1">
      <c r="A2179" s="1" t="s">
        <v>2171</v>
      </c>
      <c r="B2179" s="2">
        <v>236.8</v>
      </c>
      <c r="C2179" s="2">
        <v>217.1</v>
      </c>
      <c r="D2179" s="2">
        <v>197.3</v>
      </c>
      <c r="E2179" s="13">
        <v>6161</v>
      </c>
    </row>
    <row r="2180" spans="1:5" ht="12.75" hidden="1" outlineLevel="1">
      <c r="A2180" s="1" t="s">
        <v>2172</v>
      </c>
      <c r="B2180" s="2">
        <v>1875</v>
      </c>
      <c r="C2180" s="2">
        <v>1720</v>
      </c>
      <c r="D2180" s="2">
        <v>1560</v>
      </c>
      <c r="E2180" s="13">
        <v>9726</v>
      </c>
    </row>
    <row r="2181" spans="1:5" ht="12.75" hidden="1" outlineLevel="1">
      <c r="A2181" s="1" t="s">
        <v>2173</v>
      </c>
      <c r="B2181" s="2">
        <v>1200</v>
      </c>
      <c r="C2181" s="2">
        <v>1100</v>
      </c>
      <c r="D2181" s="2">
        <v>1000</v>
      </c>
      <c r="E2181" s="13">
        <v>9318</v>
      </c>
    </row>
    <row r="2182" spans="1:5" ht="12.75" hidden="1" outlineLevel="1">
      <c r="A2182" s="1" t="s">
        <v>2174</v>
      </c>
      <c r="B2182" s="2">
        <v>618</v>
      </c>
      <c r="C2182" s="2">
        <v>566</v>
      </c>
      <c r="D2182" s="2">
        <v>515</v>
      </c>
      <c r="E2182" s="13">
        <v>9317</v>
      </c>
    </row>
    <row r="2183" spans="1:5" ht="12.75" hidden="1" outlineLevel="1">
      <c r="A2183" s="1" t="s">
        <v>2175</v>
      </c>
      <c r="B2183" s="2">
        <v>283.10000000000002</v>
      </c>
      <c r="C2183" s="2">
        <v>259.5</v>
      </c>
      <c r="D2183" s="2">
        <v>236</v>
      </c>
      <c r="E2183" s="13">
        <v>9932</v>
      </c>
    </row>
    <row r="2184" spans="1:5" ht="19.5" hidden="1" outlineLevel="1">
      <c r="A2184" s="1" t="s">
        <v>2176</v>
      </c>
      <c r="B2184" s="2">
        <v>231.7</v>
      </c>
      <c r="C2184" s="2">
        <v>212.4</v>
      </c>
      <c r="D2184" s="2">
        <v>193.1</v>
      </c>
      <c r="E2184" s="13">
        <v>10300</v>
      </c>
    </row>
    <row r="2185" spans="1:5" ht="12.75" hidden="1" outlineLevel="1">
      <c r="A2185" s="1" t="s">
        <v>2177</v>
      </c>
      <c r="B2185" s="2">
        <v>113.3</v>
      </c>
      <c r="C2185" s="2">
        <v>103.8</v>
      </c>
      <c r="D2185" s="2">
        <v>94.5</v>
      </c>
      <c r="E2185" s="13">
        <v>10281</v>
      </c>
    </row>
    <row r="2186" spans="1:5" ht="12.75" hidden="1" outlineLevel="1">
      <c r="A2186" s="1" t="s">
        <v>2178</v>
      </c>
      <c r="B2186" s="2">
        <v>113.3</v>
      </c>
      <c r="C2186" s="2">
        <v>103.8</v>
      </c>
      <c r="D2186" s="2">
        <v>94.5</v>
      </c>
      <c r="E2186" s="13">
        <v>10277</v>
      </c>
    </row>
    <row r="2187" spans="1:5" ht="12.75" hidden="1" outlineLevel="1">
      <c r="A2187" s="1" t="s">
        <v>2179</v>
      </c>
      <c r="B2187" s="2">
        <v>128.69999999999999</v>
      </c>
      <c r="C2187" s="2">
        <v>118</v>
      </c>
      <c r="D2187" s="2">
        <v>107.3</v>
      </c>
      <c r="E2187" s="13">
        <v>10278</v>
      </c>
    </row>
    <row r="2188" spans="1:5" ht="12.75" hidden="1" outlineLevel="1">
      <c r="A2188" s="1" t="s">
        <v>2180</v>
      </c>
      <c r="B2188" s="2">
        <v>128.69999999999999</v>
      </c>
      <c r="C2188" s="2">
        <v>118</v>
      </c>
      <c r="D2188" s="2">
        <v>107.3</v>
      </c>
      <c r="E2188" s="13">
        <v>10279</v>
      </c>
    </row>
    <row r="2189" spans="1:5" ht="12.75" hidden="1" outlineLevel="1">
      <c r="A2189" s="1" t="s">
        <v>2181</v>
      </c>
      <c r="B2189" s="2">
        <v>257.39999999999998</v>
      </c>
      <c r="C2189" s="2">
        <v>235.9</v>
      </c>
      <c r="D2189" s="2">
        <v>214.5</v>
      </c>
      <c r="E2189" s="13">
        <v>9377</v>
      </c>
    </row>
    <row r="2190" spans="1:5" ht="12.75" hidden="1" outlineLevel="1">
      <c r="A2190" s="1" t="s">
        <v>2182</v>
      </c>
      <c r="B2190" s="2">
        <v>494</v>
      </c>
      <c r="C2190" s="2">
        <v>453</v>
      </c>
      <c r="D2190" s="2">
        <v>412</v>
      </c>
      <c r="E2190" s="13">
        <v>9429</v>
      </c>
    </row>
    <row r="2191" spans="1:5" ht="12.75" hidden="1" outlineLevel="1">
      <c r="A2191" s="1" t="s">
        <v>2183</v>
      </c>
      <c r="B2191" s="2">
        <v>770</v>
      </c>
      <c r="C2191" s="2">
        <v>710</v>
      </c>
      <c r="D2191" s="2">
        <v>644</v>
      </c>
      <c r="E2191" s="13">
        <v>9320</v>
      </c>
    </row>
    <row r="2192" spans="1:5" ht="12.75" hidden="1" outlineLevel="1">
      <c r="A2192" s="1" t="s">
        <v>2184</v>
      </c>
      <c r="B2192" s="2">
        <v>566</v>
      </c>
      <c r="C2192" s="2">
        <v>519</v>
      </c>
      <c r="D2192" s="2">
        <v>472</v>
      </c>
      <c r="E2192" s="13">
        <v>10200</v>
      </c>
    </row>
    <row r="2193" spans="1:5" ht="12.75" hidden="1" outlineLevel="1">
      <c r="A2193" s="1" t="s">
        <v>2185</v>
      </c>
      <c r="B2193" s="2">
        <v>1905</v>
      </c>
      <c r="C2193" s="2">
        <v>1745</v>
      </c>
      <c r="D2193" s="2">
        <v>1585</v>
      </c>
      <c r="E2193" s="13">
        <v>9375</v>
      </c>
    </row>
    <row r="2194" spans="1:5" ht="12.75" hidden="1" outlineLevel="1">
      <c r="A2194" s="1" t="s">
        <v>2186</v>
      </c>
      <c r="B2194" s="2">
        <v>775</v>
      </c>
      <c r="C2194" s="2">
        <v>715</v>
      </c>
      <c r="D2194" s="2">
        <v>648</v>
      </c>
      <c r="E2194" s="13">
        <v>9485</v>
      </c>
    </row>
    <row r="2195" spans="1:5" ht="12.75" hidden="1" outlineLevel="1">
      <c r="A2195" s="1" t="s">
        <v>2187</v>
      </c>
      <c r="B2195" s="2">
        <v>980</v>
      </c>
      <c r="C2195" s="2">
        <v>895</v>
      </c>
      <c r="D2195" s="2">
        <v>815</v>
      </c>
      <c r="E2195" s="13">
        <v>9577</v>
      </c>
    </row>
    <row r="2196" spans="1:5" ht="12.75" hidden="1" outlineLevel="1">
      <c r="A2196" s="1" t="s">
        <v>2188</v>
      </c>
      <c r="B2196" s="2">
        <v>1080</v>
      </c>
      <c r="C2196" s="2">
        <v>990</v>
      </c>
      <c r="D2196" s="2">
        <v>900</v>
      </c>
      <c r="E2196" s="13">
        <v>9486</v>
      </c>
    </row>
    <row r="2197" spans="1:5" ht="12.75" hidden="1" outlineLevel="1">
      <c r="A2197" s="1" t="s">
        <v>2189</v>
      </c>
      <c r="B2197" s="2">
        <v>257.39999999999998</v>
      </c>
      <c r="C2197" s="2">
        <v>235.9</v>
      </c>
      <c r="D2197" s="2">
        <v>214.5</v>
      </c>
      <c r="E2197" s="13">
        <v>9721</v>
      </c>
    </row>
    <row r="2198" spans="1:5" ht="12.75" hidden="1" outlineLevel="1">
      <c r="A2198" s="1" t="s">
        <v>2190</v>
      </c>
      <c r="B2198" s="2">
        <v>77</v>
      </c>
      <c r="C2198" s="2">
        <v>71</v>
      </c>
      <c r="D2198" s="2">
        <v>64.5</v>
      </c>
      <c r="E2198" s="13">
        <v>9321</v>
      </c>
    </row>
    <row r="2199" spans="1:5" ht="12.75" hidden="1" outlineLevel="1">
      <c r="A2199" s="1" t="s">
        <v>2191</v>
      </c>
      <c r="B2199" s="2">
        <v>489</v>
      </c>
      <c r="C2199" s="2">
        <v>448</v>
      </c>
      <c r="D2199" s="2">
        <v>408</v>
      </c>
      <c r="E2199" s="13">
        <v>5704</v>
      </c>
    </row>
    <row r="2200" spans="1:5" ht="12.75" hidden="1" outlineLevel="1">
      <c r="A2200" s="1" t="s">
        <v>2192</v>
      </c>
      <c r="B2200" s="2">
        <v>13300</v>
      </c>
      <c r="C2200" s="2">
        <v>12190</v>
      </c>
      <c r="D2200" s="2">
        <v>11090</v>
      </c>
      <c r="E2200" s="13">
        <v>10137</v>
      </c>
    </row>
    <row r="2201" spans="1:5" ht="12.75" hidden="1" outlineLevel="1">
      <c r="A2201" s="1" t="s">
        <v>2193</v>
      </c>
      <c r="B2201" s="2">
        <v>2240</v>
      </c>
      <c r="C2201" s="2">
        <v>2055</v>
      </c>
      <c r="D2201" s="2">
        <v>1865</v>
      </c>
      <c r="E2201" s="13">
        <v>5382</v>
      </c>
    </row>
    <row r="2202" spans="1:5" ht="12.75" hidden="1" outlineLevel="1">
      <c r="A2202" s="1" t="s">
        <v>2194</v>
      </c>
      <c r="B2202" s="2">
        <v>180.2</v>
      </c>
      <c r="C2202" s="2">
        <v>165.2</v>
      </c>
      <c r="D2202" s="2">
        <v>150.19999999999999</v>
      </c>
      <c r="E2202" s="13">
        <v>3198</v>
      </c>
    </row>
    <row r="2203" spans="1:5" ht="12.75" hidden="1" outlineLevel="1">
      <c r="A2203" s="1" t="s">
        <v>2195</v>
      </c>
      <c r="B2203" s="2">
        <v>740</v>
      </c>
      <c r="C2203" s="2">
        <v>680</v>
      </c>
      <c r="D2203" s="2">
        <v>618</v>
      </c>
      <c r="E2203" s="13">
        <v>5463</v>
      </c>
    </row>
    <row r="2204" spans="1:5" ht="12.75" hidden="1" outlineLevel="1">
      <c r="A2204" s="1" t="s">
        <v>2196</v>
      </c>
      <c r="B2204" s="2">
        <v>990</v>
      </c>
      <c r="C2204" s="2">
        <v>905</v>
      </c>
      <c r="D2204" s="2">
        <v>825</v>
      </c>
      <c r="E2204" s="13">
        <v>1188</v>
      </c>
    </row>
    <row r="2205" spans="1:5" ht="12.75" hidden="1" outlineLevel="1">
      <c r="A2205" s="1" t="s">
        <v>2197</v>
      </c>
      <c r="B2205" s="2">
        <v>1185</v>
      </c>
      <c r="C2205" s="2">
        <v>1085</v>
      </c>
      <c r="D2205" s="2">
        <v>985</v>
      </c>
      <c r="E2205" s="13">
        <v>10311</v>
      </c>
    </row>
    <row r="2206" spans="1:5" ht="12.75" hidden="1" outlineLevel="1">
      <c r="A2206" s="1" t="s">
        <v>2198</v>
      </c>
      <c r="B2206" s="2">
        <v>1390</v>
      </c>
      <c r="C2206" s="2">
        <v>1275</v>
      </c>
      <c r="D2206" s="2">
        <v>1160</v>
      </c>
      <c r="E2206" s="13">
        <v>10312</v>
      </c>
    </row>
    <row r="2207" spans="1:5" ht="12.75" hidden="1" outlineLevel="1">
      <c r="A2207" s="1" t="s">
        <v>2199</v>
      </c>
      <c r="B2207" s="2">
        <v>297.3</v>
      </c>
      <c r="C2207" s="2">
        <v>272.5</v>
      </c>
      <c r="D2207" s="2">
        <v>247.7</v>
      </c>
      <c r="E2207" s="13">
        <v>9834</v>
      </c>
    </row>
    <row r="2208" spans="1:5" ht="12.75" hidden="1" outlineLevel="1">
      <c r="A2208" s="1" t="s">
        <v>2200</v>
      </c>
      <c r="B2208" s="2">
        <v>257.39999999999998</v>
      </c>
      <c r="C2208" s="2">
        <v>235.9</v>
      </c>
      <c r="D2208" s="2">
        <v>214.5</v>
      </c>
      <c r="E2208" s="13">
        <v>9904</v>
      </c>
    </row>
    <row r="2209" spans="1:5" collapsed="1">
      <c r="A2209" s="4" t="s">
        <v>2201</v>
      </c>
      <c r="B2209" s="12"/>
      <c r="C2209" s="12"/>
      <c r="D2209" s="12"/>
      <c r="E2209" s="12"/>
    </row>
    <row r="2210" spans="1:5" ht="12.75" hidden="1" outlineLevel="1">
      <c r="A2210" s="1" t="s">
        <v>2202</v>
      </c>
      <c r="B2210" s="2">
        <v>8165</v>
      </c>
      <c r="C2210" s="2">
        <v>7795</v>
      </c>
      <c r="D2210" s="2">
        <v>7420</v>
      </c>
      <c r="E2210" s="13">
        <v>9752</v>
      </c>
    </row>
    <row r="2211" spans="1:5" collapsed="1">
      <c r="A2211" s="4" t="s">
        <v>2203</v>
      </c>
      <c r="B2211" s="12"/>
      <c r="C2211" s="12"/>
      <c r="D2211" s="12"/>
      <c r="E2211" s="12"/>
    </row>
    <row r="2212" spans="1:5" ht="12.75" hidden="1" outlineLevel="1">
      <c r="A2212" s="1" t="s">
        <v>2204</v>
      </c>
      <c r="B2212" s="2">
        <v>294.89999999999998</v>
      </c>
      <c r="C2212" s="2">
        <v>265.39999999999998</v>
      </c>
      <c r="D2212" s="2">
        <v>236</v>
      </c>
      <c r="E2212" s="13">
        <v>5938</v>
      </c>
    </row>
    <row r="2213" spans="1:5" ht="12.75" hidden="1" outlineLevel="1">
      <c r="A2213" s="1" t="s">
        <v>2205</v>
      </c>
      <c r="B2213" s="2">
        <v>3005</v>
      </c>
      <c r="C2213" s="2">
        <v>2705</v>
      </c>
      <c r="D2213" s="2">
        <v>2400</v>
      </c>
      <c r="E2213" s="13">
        <v>7277</v>
      </c>
    </row>
    <row r="2214" spans="1:5" ht="12.75" hidden="1" outlineLevel="1">
      <c r="A2214" s="1" t="s">
        <v>2206</v>
      </c>
      <c r="B2214" s="2">
        <v>3755</v>
      </c>
      <c r="C2214" s="2">
        <v>3380</v>
      </c>
      <c r="D2214" s="2">
        <v>3005</v>
      </c>
      <c r="E2214" s="13">
        <v>4775</v>
      </c>
    </row>
    <row r="2215" spans="1:5" ht="12.75" hidden="1" outlineLevel="1">
      <c r="A2215" s="1" t="s">
        <v>2207</v>
      </c>
      <c r="B2215" s="2">
        <v>375</v>
      </c>
      <c r="C2215" s="2">
        <v>338</v>
      </c>
      <c r="D2215" s="2">
        <v>300</v>
      </c>
      <c r="E2215" s="13">
        <v>7278</v>
      </c>
    </row>
    <row r="2216" spans="1:5" ht="12.75" hidden="1" outlineLevel="1">
      <c r="A2216" s="1" t="s">
        <v>2208</v>
      </c>
      <c r="B2216" s="2">
        <v>80.5</v>
      </c>
      <c r="C2216" s="2">
        <v>72.5</v>
      </c>
      <c r="D2216" s="2">
        <v>64.5</v>
      </c>
      <c r="E2216" s="13">
        <v>4603</v>
      </c>
    </row>
    <row r="2217" spans="1:5" ht="19.5" hidden="1" outlineLevel="1">
      <c r="A2217" s="1" t="s">
        <v>2209</v>
      </c>
      <c r="B2217" s="2">
        <v>80.5</v>
      </c>
      <c r="C2217" s="2">
        <v>72.5</v>
      </c>
      <c r="D2217" s="2">
        <v>64.5</v>
      </c>
      <c r="E2217" s="13">
        <v>6654</v>
      </c>
    </row>
    <row r="2218" spans="1:5" ht="19.5" hidden="1" outlineLevel="1">
      <c r="A2218" s="1" t="s">
        <v>2210</v>
      </c>
      <c r="B2218" s="2">
        <v>536</v>
      </c>
      <c r="C2218" s="2">
        <v>483</v>
      </c>
      <c r="D2218" s="2">
        <v>429</v>
      </c>
      <c r="E2218" s="13">
        <v>6185</v>
      </c>
    </row>
    <row r="2219" spans="1:5" ht="19.5" hidden="1" outlineLevel="1">
      <c r="A2219" s="1" t="s">
        <v>2211</v>
      </c>
      <c r="B2219" s="2">
        <v>80.5</v>
      </c>
      <c r="C2219" s="2">
        <v>72.5</v>
      </c>
      <c r="D2219" s="2">
        <v>64.5</v>
      </c>
      <c r="E2219" s="13">
        <v>5706</v>
      </c>
    </row>
    <row r="2220" spans="1:5" collapsed="1"/>
  </sheetData>
  <hyperlinks>
    <hyperlink ref="A5" r:id="rId1"/>
    <hyperlink ref="A2" r:id="rId2"/>
    <hyperlink ref="A3" r:id="rId3"/>
    <hyperlink ref="A4" r:id="rId4"/>
    <hyperlink ref="E10" r:id="rId5" display="9888"/>
    <hyperlink ref="E11" r:id="rId6" display="9151"/>
    <hyperlink ref="E12" r:id="rId7" display="7281"/>
    <hyperlink ref="E13" r:id="rId8" display="6451"/>
    <hyperlink ref="E14" r:id="rId9" display="8865"/>
    <hyperlink ref="E15" r:id="rId10" display="6108"/>
    <hyperlink ref="E16" r:id="rId11" display="7782"/>
    <hyperlink ref="E17" r:id="rId12" display="6266"/>
    <hyperlink ref="E18" r:id="rId13" display="6342"/>
    <hyperlink ref="E19" r:id="rId14" display="8593"/>
    <hyperlink ref="E20" r:id="rId15" display="7783"/>
    <hyperlink ref="E21" r:id="rId16" display="6375"/>
    <hyperlink ref="E22" r:id="rId17" display="6988"/>
    <hyperlink ref="E23" r:id="rId18" display="6253"/>
    <hyperlink ref="E24" r:id="rId19" display="8595"/>
    <hyperlink ref="E25" r:id="rId20" display="7934"/>
    <hyperlink ref="E26" r:id="rId21" display="8591"/>
    <hyperlink ref="E27" r:id="rId22" display="7282"/>
    <hyperlink ref="E28" r:id="rId23" display="9646"/>
    <hyperlink ref="E29" r:id="rId24" display="6987"/>
    <hyperlink ref="E30" r:id="rId25" display="7592"/>
    <hyperlink ref="E31" r:id="rId26" display="6498"/>
    <hyperlink ref="E32" r:id="rId27" display="6488"/>
    <hyperlink ref="E33" r:id="rId28" display="8590"/>
    <hyperlink ref="E34" r:id="rId29" display="7399"/>
    <hyperlink ref="E35" r:id="rId30" display="7100"/>
    <hyperlink ref="E36" r:id="rId31" display="6107"/>
    <hyperlink ref="E37" r:id="rId32" display="7099"/>
    <hyperlink ref="E38" r:id="rId33" display="6310"/>
    <hyperlink ref="E39" r:id="rId34" display="6750"/>
    <hyperlink ref="E40" r:id="rId35" display="6182"/>
    <hyperlink ref="E41" r:id="rId36" display="8594"/>
    <hyperlink ref="E42" r:id="rId37" display="7263"/>
    <hyperlink ref="E43" r:id="rId38" display="7264"/>
    <hyperlink ref="E44" r:id="rId39" display="6106"/>
    <hyperlink ref="E45" r:id="rId40" display="6983"/>
    <hyperlink ref="E46" r:id="rId41" display="7593"/>
    <hyperlink ref="E47" r:id="rId42" display="10184"/>
    <hyperlink ref="E48" r:id="rId43" display="10185"/>
    <hyperlink ref="E49" r:id="rId44" display="9559"/>
    <hyperlink ref="E50" r:id="rId45" display="10187"/>
    <hyperlink ref="E51" r:id="rId46" display="6984"/>
    <hyperlink ref="E52" r:id="rId47" display="7940"/>
    <hyperlink ref="E53" r:id="rId48" display="10186"/>
    <hyperlink ref="E54" r:id="rId49" display="6982"/>
    <hyperlink ref="E55" r:id="rId50" display="6979"/>
    <hyperlink ref="E56" r:id="rId51" display="6980"/>
    <hyperlink ref="E57" r:id="rId52" display="7939"/>
    <hyperlink ref="E58" r:id="rId53" display="7941"/>
    <hyperlink ref="E59" r:id="rId54" display="6978"/>
    <hyperlink ref="E60" r:id="rId55" display="6981"/>
    <hyperlink ref="E61" r:id="rId56" display="7262"/>
    <hyperlink ref="E62" r:id="rId57" display="9270"/>
    <hyperlink ref="E63" r:id="rId58" display="9272"/>
    <hyperlink ref="E64" r:id="rId59" display="7473"/>
    <hyperlink ref="E65" r:id="rId60" display="10062"/>
    <hyperlink ref="E66" r:id="rId61" display="7474"/>
    <hyperlink ref="E67" r:id="rId62" display="9638"/>
    <hyperlink ref="E68" r:id="rId63" display="9263"/>
    <hyperlink ref="E69" r:id="rId64" display="9388"/>
    <hyperlink ref="E70" r:id="rId65" display="9389"/>
    <hyperlink ref="E71" r:id="rId66" display="8119"/>
    <hyperlink ref="E72" r:id="rId67" display="8026"/>
    <hyperlink ref="E73" r:id="rId68" display="8030"/>
    <hyperlink ref="E74" r:id="rId69" display="9480"/>
    <hyperlink ref="E75" r:id="rId70" display="9637"/>
    <hyperlink ref="E76" r:id="rId71" display="8120"/>
    <hyperlink ref="E77" r:id="rId72" display="8025"/>
    <hyperlink ref="E78" r:id="rId73" display="8730"/>
    <hyperlink ref="E79" r:id="rId74" display="10002"/>
    <hyperlink ref="E80" r:id="rId75" display="8125"/>
    <hyperlink ref="E81" r:id="rId76" display="8028"/>
    <hyperlink ref="E82" r:id="rId77" display="10180"/>
    <hyperlink ref="E83" r:id="rId78" display="10181"/>
    <hyperlink ref="E84" r:id="rId79" display="8847"/>
    <hyperlink ref="E85" r:id="rId80" display="8863"/>
    <hyperlink ref="E86" r:id="rId81" display="8971"/>
    <hyperlink ref="E87" r:id="rId82" display="8864"/>
    <hyperlink ref="E88" r:id="rId83" display="8846"/>
    <hyperlink ref="E89" r:id="rId84" display="9639"/>
    <hyperlink ref="E90" r:id="rId85" display="10287"/>
    <hyperlink ref="E91" r:id="rId86" display="10286"/>
    <hyperlink ref="E92" r:id="rId87" display="8968"/>
    <hyperlink ref="E93" r:id="rId88" display="7483"/>
    <hyperlink ref="E94" r:id="rId89" display="10201"/>
    <hyperlink ref="E95" r:id="rId90" display="9988"/>
    <hyperlink ref="E96" r:id="rId91" display="8032"/>
    <hyperlink ref="E97" r:id="rId92" display="8027"/>
    <hyperlink ref="E98" r:id="rId93" display="8732"/>
    <hyperlink ref="E99" r:id="rId94" display="8122"/>
    <hyperlink ref="E100" r:id="rId95" display="8731"/>
    <hyperlink ref="E101" r:id="rId96" display="8121"/>
    <hyperlink ref="E102" r:id="rId97" display="7484"/>
    <hyperlink ref="E103" r:id="rId98" display="7841"/>
    <hyperlink ref="E104" r:id="rId99" display="7842"/>
    <hyperlink ref="E105" r:id="rId100" display="7845"/>
    <hyperlink ref="E106" r:id="rId101" display="7846"/>
    <hyperlink ref="E107" r:id="rId102" display="7843"/>
    <hyperlink ref="E108" r:id="rId103" display="7847"/>
    <hyperlink ref="E109" r:id="rId104" display="7844"/>
    <hyperlink ref="E110" r:id="rId105" display="8029"/>
    <hyperlink ref="E111" r:id="rId106" display="8123"/>
    <hyperlink ref="E112" r:id="rId107" display="8969"/>
    <hyperlink ref="E113" r:id="rId108" display="9986"/>
    <hyperlink ref="E114" r:id="rId109" display="8124"/>
    <hyperlink ref="E115" r:id="rId110" display="9987"/>
    <hyperlink ref="E116" r:id="rId111" display="8031"/>
    <hyperlink ref="E117" r:id="rId112" display="8118"/>
    <hyperlink ref="E118" r:id="rId113" display="8126"/>
    <hyperlink ref="E119" r:id="rId114" display="8127"/>
    <hyperlink ref="E121" r:id="rId115" display="7753"/>
    <hyperlink ref="E122" r:id="rId116" display="7754"/>
    <hyperlink ref="E123" r:id="rId117" display="7755"/>
    <hyperlink ref="E124" r:id="rId118" display="7756"/>
    <hyperlink ref="E125" r:id="rId119" display="7749"/>
    <hyperlink ref="E126" r:id="rId120" display="7757"/>
    <hyperlink ref="E127" r:id="rId121" display="7750"/>
    <hyperlink ref="E128" r:id="rId122" display="7758"/>
    <hyperlink ref="E129" r:id="rId123" display="7751"/>
    <hyperlink ref="E130" r:id="rId124" display="8379"/>
    <hyperlink ref="E131" r:id="rId125" display="8476"/>
    <hyperlink ref="E132" r:id="rId126" display="8500"/>
    <hyperlink ref="E133" r:id="rId127" display="8488"/>
    <hyperlink ref="E134" r:id="rId128" display="8374"/>
    <hyperlink ref="E135" r:id="rId129" display="8491"/>
    <hyperlink ref="E136" r:id="rId130" display="8486"/>
    <hyperlink ref="E137" r:id="rId131" display="8487"/>
    <hyperlink ref="E138" r:id="rId132" display="8492"/>
    <hyperlink ref="E139" r:id="rId133" display="8489"/>
    <hyperlink ref="E140" r:id="rId134" display="8972"/>
    <hyperlink ref="E141" r:id="rId135" display="7631"/>
    <hyperlink ref="E142" r:id="rId136" display="8490"/>
    <hyperlink ref="E143" r:id="rId137" display="8387"/>
    <hyperlink ref="E144" r:id="rId138" display="8390"/>
    <hyperlink ref="E145" r:id="rId139" display="8391"/>
    <hyperlink ref="E146" r:id="rId140" display="8388"/>
    <hyperlink ref="E147" r:id="rId141" display="8389"/>
    <hyperlink ref="E148" r:id="rId142" display="8220"/>
    <hyperlink ref="E149" r:id="rId143" display="7736"/>
    <hyperlink ref="E150" r:id="rId144" display="8960"/>
    <hyperlink ref="E151" r:id="rId145" display="7737"/>
    <hyperlink ref="E152" r:id="rId146" display="8959"/>
    <hyperlink ref="E153" r:id="rId147" display="7738"/>
    <hyperlink ref="E154" r:id="rId148" display="8228"/>
    <hyperlink ref="E155" r:id="rId149" display="7739"/>
    <hyperlink ref="E156" r:id="rId150" display="7633"/>
    <hyperlink ref="E157" r:id="rId151" display="7740"/>
    <hyperlink ref="E158" r:id="rId152" display="7634"/>
    <hyperlink ref="E159" r:id="rId153" display="7741"/>
    <hyperlink ref="E160" r:id="rId154" display="9254"/>
    <hyperlink ref="E161" r:id="rId155" display="9248"/>
    <hyperlink ref="E162" r:id="rId156" display="9249"/>
    <hyperlink ref="E163" r:id="rId157" display="9250"/>
    <hyperlink ref="E164" r:id="rId158" display="9251"/>
    <hyperlink ref="E165" r:id="rId159" display="9252"/>
    <hyperlink ref="E166" r:id="rId160" display="9253"/>
    <hyperlink ref="E167" r:id="rId161" display="8622"/>
    <hyperlink ref="E168" r:id="rId162" display="8623"/>
    <hyperlink ref="E169" r:id="rId163" display="8618"/>
    <hyperlink ref="E170" r:id="rId164" display="8619"/>
    <hyperlink ref="E171" r:id="rId165" display="8620"/>
    <hyperlink ref="E172" r:id="rId166" display="8621"/>
    <hyperlink ref="E173" r:id="rId167" display="8079"/>
    <hyperlink ref="E174" r:id="rId168" display="8080"/>
    <hyperlink ref="E175" r:id="rId169" display="8081"/>
    <hyperlink ref="E176" r:id="rId170" display="8624"/>
    <hyperlink ref="E177" r:id="rId171" display="7742"/>
    <hyperlink ref="E178" r:id="rId172" display="7748"/>
    <hyperlink ref="E179" r:id="rId173" display="7752"/>
    <hyperlink ref="E180" r:id="rId174" display="7746"/>
    <hyperlink ref="E181" r:id="rId175" display="8520"/>
    <hyperlink ref="E182" r:id="rId176" display="8519"/>
    <hyperlink ref="E183" r:id="rId177" display="208"/>
    <hyperlink ref="E184" r:id="rId178" display="7029"/>
    <hyperlink ref="E185" r:id="rId179" display="526"/>
    <hyperlink ref="E186" r:id="rId180" display="527"/>
    <hyperlink ref="E187" r:id="rId181" display="7770"/>
    <hyperlink ref="E188" r:id="rId182" display="7771"/>
    <hyperlink ref="E189" r:id="rId183" display="7772"/>
    <hyperlink ref="E190" r:id="rId184" display="7773"/>
    <hyperlink ref="E191" r:id="rId185" display="7769"/>
    <hyperlink ref="E192" r:id="rId186" display="7765"/>
    <hyperlink ref="E193" r:id="rId187" display="7766"/>
    <hyperlink ref="E194" r:id="rId188" display="7471"/>
    <hyperlink ref="E195" r:id="rId189" display="7472"/>
    <hyperlink ref="E196" r:id="rId190" display="1368"/>
    <hyperlink ref="E197" r:id="rId191" display="1364"/>
    <hyperlink ref="E198" r:id="rId192" display="1322"/>
    <hyperlink ref="E199" r:id="rId193" display="1379"/>
    <hyperlink ref="E200" r:id="rId194" display="4989"/>
    <hyperlink ref="E201" r:id="rId195" display="3255"/>
    <hyperlink ref="E202" r:id="rId196" display="4991"/>
    <hyperlink ref="E203" r:id="rId197" display="9330"/>
    <hyperlink ref="E204" r:id="rId198" display="40"/>
    <hyperlink ref="E205" r:id="rId199" display="6997"/>
    <hyperlink ref="E206" r:id="rId200" display="4990"/>
    <hyperlink ref="E207" r:id="rId201" display="9399"/>
    <hyperlink ref="E208" r:id="rId202" display="4773"/>
    <hyperlink ref="E209" r:id="rId203" display="536"/>
    <hyperlink ref="E210" r:id="rId204" display="9391"/>
    <hyperlink ref="E211" r:id="rId205" display="9396"/>
    <hyperlink ref="E212" r:id="rId206" display="9394"/>
    <hyperlink ref="E213" r:id="rId207" display="9426"/>
    <hyperlink ref="E214" r:id="rId208" display="9395"/>
    <hyperlink ref="E215" r:id="rId209" display="9392"/>
    <hyperlink ref="E216" r:id="rId210" display="9425"/>
    <hyperlink ref="E217" r:id="rId211" display="9390"/>
    <hyperlink ref="E218" r:id="rId212" display="5356"/>
    <hyperlink ref="E219" r:id="rId213" display="4893"/>
    <hyperlink ref="E220" r:id="rId214" display="9332"/>
    <hyperlink ref="E221" r:id="rId215" display="9331"/>
    <hyperlink ref="E222" r:id="rId216" display="1400"/>
    <hyperlink ref="E223" r:id="rId217" display="5394"/>
    <hyperlink ref="E224" r:id="rId218" display="5395"/>
    <hyperlink ref="E225" r:id="rId219" display="5396"/>
    <hyperlink ref="E226" r:id="rId220" display="1372"/>
    <hyperlink ref="E227" r:id="rId221" display="1376"/>
    <hyperlink ref="E228" r:id="rId222" display="87"/>
    <hyperlink ref="E229" r:id="rId223" display="1023"/>
    <hyperlink ref="E230" r:id="rId224" display="9306"/>
    <hyperlink ref="E231" r:id="rId225" display="529"/>
    <hyperlink ref="E232" r:id="rId226" display="9314"/>
    <hyperlink ref="E233" r:id="rId227" display="5393"/>
    <hyperlink ref="E234" r:id="rId228" display="9313"/>
    <hyperlink ref="E235" r:id="rId229" display="5392"/>
    <hyperlink ref="E236" r:id="rId230" display="9312"/>
    <hyperlink ref="E237" r:id="rId231" display="9305"/>
    <hyperlink ref="E238" r:id="rId232" display="6998"/>
    <hyperlink ref="E239" r:id="rId233" display="9311"/>
    <hyperlink ref="E240" r:id="rId234" display="9307"/>
    <hyperlink ref="E241" r:id="rId235" display="9308"/>
    <hyperlink ref="E242" r:id="rId236" display="9309"/>
    <hyperlink ref="E243" r:id="rId237" display="9310"/>
    <hyperlink ref="E244" r:id="rId238" display="5166"/>
    <hyperlink ref="E245" r:id="rId239" display="525"/>
    <hyperlink ref="E246" r:id="rId240" display="9633"/>
    <hyperlink ref="E247" r:id="rId241" display="9403"/>
    <hyperlink ref="E248" r:id="rId242" display="9400"/>
    <hyperlink ref="E249" r:id="rId243" display="9401"/>
    <hyperlink ref="E250" r:id="rId244" display="9634"/>
    <hyperlink ref="E251" r:id="rId245" display="9402"/>
    <hyperlink ref="E252" r:id="rId246" display="5090"/>
    <hyperlink ref="E253" r:id="rId247" display="3488"/>
    <hyperlink ref="E254" r:id="rId248" display="3526"/>
    <hyperlink ref="E255" r:id="rId249" display="6718"/>
    <hyperlink ref="E257" r:id="rId250" display="5108"/>
    <hyperlink ref="E259" r:id="rId251" display="1079"/>
    <hyperlink ref="E260" r:id="rId252" display="7715"/>
    <hyperlink ref="E261" r:id="rId253" display="7436"/>
    <hyperlink ref="E262" r:id="rId254" display="8531"/>
    <hyperlink ref="E263" r:id="rId255" display="3098"/>
    <hyperlink ref="E264" r:id="rId256" display="6836"/>
    <hyperlink ref="E266" r:id="rId257" display="6340"/>
    <hyperlink ref="E267" r:id="rId258" display="8522"/>
    <hyperlink ref="E268" r:id="rId259" display="8639"/>
    <hyperlink ref="E269" r:id="rId260" display="9001"/>
    <hyperlink ref="E270" r:id="rId261" display="9612"/>
    <hyperlink ref="E271" r:id="rId262" display="6876"/>
    <hyperlink ref="E272" r:id="rId263" display="6445"/>
    <hyperlink ref="E273" r:id="rId264" display="6364"/>
    <hyperlink ref="E274" r:id="rId265" display="4299"/>
    <hyperlink ref="E275" r:id="rId266" display="4766"/>
    <hyperlink ref="E276" r:id="rId267" display="3478"/>
    <hyperlink ref="E277" r:id="rId268" display="5118"/>
    <hyperlink ref="E278" r:id="rId269" display="4843"/>
    <hyperlink ref="E279" r:id="rId270" display="5544"/>
    <hyperlink ref="E280" r:id="rId271" display="5545"/>
    <hyperlink ref="E281" r:id="rId272" display="5535"/>
    <hyperlink ref="E282" r:id="rId273" display="5123"/>
    <hyperlink ref="E283" r:id="rId274" display="5539"/>
    <hyperlink ref="E284" r:id="rId275" display="5546"/>
    <hyperlink ref="E285" r:id="rId276" display="6482"/>
    <hyperlink ref="E286" r:id="rId277" display="7180"/>
    <hyperlink ref="E287" r:id="rId278" display="3218"/>
    <hyperlink ref="E288" r:id="rId279" display="4901"/>
    <hyperlink ref="E289" r:id="rId280" display="5115"/>
    <hyperlink ref="E290" r:id="rId281" display="5119"/>
    <hyperlink ref="E291" r:id="rId282" display="62"/>
    <hyperlink ref="E292" r:id="rId283" display="7603"/>
    <hyperlink ref="E293" r:id="rId284" display="5144"/>
    <hyperlink ref="E294" r:id="rId285" display="3572"/>
    <hyperlink ref="E295" r:id="rId286" display="5538"/>
    <hyperlink ref="E296" r:id="rId287" display="3563"/>
    <hyperlink ref="E297" r:id="rId288" display="198"/>
    <hyperlink ref="E298" r:id="rId289" display="45"/>
    <hyperlink ref="E299" r:id="rId290" display="1755"/>
    <hyperlink ref="E300" r:id="rId291" display="5599"/>
    <hyperlink ref="E301" r:id="rId292" display="7558"/>
    <hyperlink ref="E302" r:id="rId293" display="6925"/>
    <hyperlink ref="E303" r:id="rId294" display="5424"/>
    <hyperlink ref="E304" r:id="rId295" display="7829"/>
    <hyperlink ref="E305" r:id="rId296" display="8740"/>
    <hyperlink ref="E306" r:id="rId297" display="3216"/>
    <hyperlink ref="E307" r:id="rId298" display="1774"/>
    <hyperlink ref="E308" r:id="rId299" display="6204"/>
    <hyperlink ref="E309" r:id="rId300" display="10258"/>
    <hyperlink ref="E310" r:id="rId301" display="5224"/>
    <hyperlink ref="E311" r:id="rId302" display="5548"/>
    <hyperlink ref="E312" r:id="rId303" display="8392"/>
    <hyperlink ref="E313" r:id="rId304" display="8393"/>
    <hyperlink ref="E314" r:id="rId305" display="8394"/>
    <hyperlink ref="E315" r:id="rId306" display="7494"/>
    <hyperlink ref="E316" r:id="rId307" display="4876"/>
    <hyperlink ref="E317" r:id="rId308" display="4930"/>
    <hyperlink ref="E318" r:id="rId309" display="7540"/>
    <hyperlink ref="E319" r:id="rId310" display="6738"/>
    <hyperlink ref="E320" r:id="rId311" display="8584"/>
    <hyperlink ref="E321" r:id="rId312" display="8585"/>
    <hyperlink ref="E322" r:id="rId313" display="8586"/>
    <hyperlink ref="E323" r:id="rId314" display="5870"/>
    <hyperlink ref="E324" r:id="rId315" display="5871"/>
    <hyperlink ref="E325" r:id="rId316" display="3112"/>
    <hyperlink ref="E326" r:id="rId317" display="5872"/>
    <hyperlink ref="E327" r:id="rId318" display="5873"/>
    <hyperlink ref="E328" r:id="rId319" display="3724"/>
    <hyperlink ref="E329" r:id="rId320" display="3725"/>
    <hyperlink ref="E330" r:id="rId321" display="3723"/>
    <hyperlink ref="E331" r:id="rId322" display="4374"/>
    <hyperlink ref="E332" r:id="rId323" display="8997"/>
    <hyperlink ref="E333" r:id="rId324" display="8998"/>
    <hyperlink ref="E334" r:id="rId325" display="8814"/>
    <hyperlink ref="E335" r:id="rId326" display="4376"/>
    <hyperlink ref="E336" r:id="rId327" display="4377"/>
    <hyperlink ref="E337" r:id="rId328" display="6918"/>
    <hyperlink ref="E338" r:id="rId329" display="4839"/>
    <hyperlink ref="E339" r:id="rId330" display="6325"/>
    <hyperlink ref="E340" r:id="rId331" display="9709"/>
    <hyperlink ref="E341" r:id="rId332" display="9710"/>
    <hyperlink ref="E342" r:id="rId333" display="9003"/>
    <hyperlink ref="E343" r:id="rId334" display="9231"/>
    <hyperlink ref="E344" r:id="rId335" display="1492"/>
    <hyperlink ref="E345" r:id="rId336" display="4711"/>
    <hyperlink ref="E346" r:id="rId337" display="4559"/>
    <hyperlink ref="E347" r:id="rId338" display="4935"/>
    <hyperlink ref="E348" r:id="rId339" display="7711"/>
    <hyperlink ref="E349" r:id="rId340" display="5944"/>
    <hyperlink ref="E350" r:id="rId341" display="9023"/>
    <hyperlink ref="E351" r:id="rId342" display="8363"/>
    <hyperlink ref="E352" r:id="rId343" display="9018"/>
    <hyperlink ref="E353" r:id="rId344" display="8879"/>
    <hyperlink ref="E354" r:id="rId345" display="8880"/>
    <hyperlink ref="E355" r:id="rId346" display="1576"/>
    <hyperlink ref="E356" r:id="rId347" display="9366"/>
    <hyperlink ref="E357" r:id="rId348" display="7583"/>
    <hyperlink ref="E358" r:id="rId349" display="1487"/>
    <hyperlink ref="E359" r:id="rId350" display="1051"/>
    <hyperlink ref="E360" r:id="rId351" display="1456"/>
    <hyperlink ref="E361" r:id="rId352" display="6317"/>
    <hyperlink ref="E362" r:id="rId353" display="9030"/>
    <hyperlink ref="E363" r:id="rId354" display="9031"/>
    <hyperlink ref="E364" r:id="rId355" display="9032"/>
    <hyperlink ref="E365" r:id="rId356" display="7807"/>
    <hyperlink ref="E366" r:id="rId357" display="7997"/>
    <hyperlink ref="E367" r:id="rId358" display="7994"/>
    <hyperlink ref="E368" r:id="rId359" display="7995"/>
    <hyperlink ref="E369" r:id="rId360" display="7996"/>
    <hyperlink ref="E370" r:id="rId361" display="5468"/>
    <hyperlink ref="E371" r:id="rId362" display="7061"/>
    <hyperlink ref="E372" r:id="rId363" display="9574"/>
    <hyperlink ref="E373" r:id="rId364" display="9552"/>
    <hyperlink ref="E374" r:id="rId365" display="9833"/>
    <hyperlink ref="E375" r:id="rId366" display="9553"/>
    <hyperlink ref="E376" r:id="rId367" display="6366"/>
    <hyperlink ref="E377" r:id="rId368" display="5799"/>
    <hyperlink ref="E378" r:id="rId369" display="5963"/>
    <hyperlink ref="E379" r:id="rId370" display="5798"/>
    <hyperlink ref="E380" r:id="rId371" display="6367"/>
    <hyperlink ref="E381" r:id="rId372" display="3015"/>
    <hyperlink ref="E382" r:id="rId373" display="6009"/>
    <hyperlink ref="E383" r:id="rId374" display="3701"/>
    <hyperlink ref="E384" r:id="rId375" display="9262"/>
    <hyperlink ref="E385" r:id="rId376" display="8348"/>
    <hyperlink ref="E386" r:id="rId377" display="7322"/>
    <hyperlink ref="E387" r:id="rId378" display="5163"/>
    <hyperlink ref="E388" r:id="rId379" display="5105"/>
    <hyperlink ref="E389" r:id="rId380" display="9096"/>
    <hyperlink ref="E390" r:id="rId381" display="9113"/>
    <hyperlink ref="E391" r:id="rId382" display="7559"/>
    <hyperlink ref="E392" r:id="rId383" display="5764"/>
    <hyperlink ref="E393" r:id="rId384" display="7881"/>
    <hyperlink ref="E394" r:id="rId385" display="9104"/>
    <hyperlink ref="E395" r:id="rId386" display="1490"/>
    <hyperlink ref="E396" r:id="rId387" display="4305"/>
    <hyperlink ref="E397" r:id="rId388" display="3086"/>
    <hyperlink ref="E398" r:id="rId389" display="3087"/>
    <hyperlink ref="E399" r:id="rId390" display="1389"/>
    <hyperlink ref="E400" r:id="rId391" display="5167"/>
    <hyperlink ref="E401" r:id="rId392" display="9004"/>
    <hyperlink ref="E402" r:id="rId393" display="1037"/>
    <hyperlink ref="E403" r:id="rId394" display="887"/>
    <hyperlink ref="E404" r:id="rId395" display="889"/>
    <hyperlink ref="E405" r:id="rId396" display="1040"/>
    <hyperlink ref="E406" r:id="rId397" display="1020"/>
    <hyperlink ref="E407" r:id="rId398" display="5168"/>
    <hyperlink ref="E408" r:id="rId399" display="3431"/>
    <hyperlink ref="E409" r:id="rId400" display="7993"/>
    <hyperlink ref="E410" r:id="rId401" display="890"/>
    <hyperlink ref="E411" r:id="rId402" display="3288"/>
    <hyperlink ref="E412" r:id="rId403" display="4936"/>
    <hyperlink ref="E413" r:id="rId404" display="7589"/>
    <hyperlink ref="E414" r:id="rId405" display="4780"/>
    <hyperlink ref="E415" r:id="rId406" display="3209"/>
    <hyperlink ref="E416" r:id="rId407" display="886"/>
    <hyperlink ref="E417" r:id="rId408" display="9328"/>
    <hyperlink ref="E418" r:id="rId409" display="9327"/>
    <hyperlink ref="E419" r:id="rId410" display="5488"/>
    <hyperlink ref="E420" r:id="rId411" display="9359"/>
    <hyperlink ref="E421" r:id="rId412" display="7793"/>
    <hyperlink ref="E422" r:id="rId413" display="1495"/>
    <hyperlink ref="E423" r:id="rId414" display="1388"/>
    <hyperlink ref="E424" r:id="rId415" display="4927"/>
    <hyperlink ref="E425" r:id="rId416" display="1100"/>
    <hyperlink ref="E426" r:id="rId417" display="4018"/>
    <hyperlink ref="E427" r:id="rId418" display="6188"/>
    <hyperlink ref="E428" r:id="rId419" display="3784"/>
    <hyperlink ref="E429" r:id="rId420" display="7183"/>
    <hyperlink ref="E431" r:id="rId421" display="3667"/>
    <hyperlink ref="E432" r:id="rId422" display="337"/>
    <hyperlink ref="E433" r:id="rId423" display="452"/>
    <hyperlink ref="E434" r:id="rId424" display="444"/>
    <hyperlink ref="E435" r:id="rId425" display="4423"/>
    <hyperlink ref="E436" r:id="rId426" display="6304"/>
    <hyperlink ref="E437" r:id="rId427" display="5251"/>
    <hyperlink ref="E438" r:id="rId428" display="450"/>
    <hyperlink ref="E439" r:id="rId429" display="4424"/>
    <hyperlink ref="E440" r:id="rId430" display="3272"/>
    <hyperlink ref="E441" r:id="rId431" display="3286"/>
    <hyperlink ref="E442" r:id="rId432" display="6628"/>
    <hyperlink ref="E443" r:id="rId433" display="7641"/>
    <hyperlink ref="E444" r:id="rId434" display="7640"/>
    <hyperlink ref="E445" r:id="rId435" display="7639"/>
    <hyperlink ref="E446" r:id="rId436" display="4009"/>
    <hyperlink ref="E447" r:id="rId437" display="453"/>
    <hyperlink ref="E448" r:id="rId438" display="4799"/>
    <hyperlink ref="E449" r:id="rId439" display="443"/>
    <hyperlink ref="E450" r:id="rId440" display="5513"/>
    <hyperlink ref="E451" r:id="rId441" display="4479"/>
    <hyperlink ref="E452" r:id="rId442" display="9487"/>
    <hyperlink ref="E453" r:id="rId443" display="4426"/>
    <hyperlink ref="E454" r:id="rId444" display="34"/>
    <hyperlink ref="E455" r:id="rId445" display="7554"/>
    <hyperlink ref="E456" r:id="rId446" display="3789"/>
    <hyperlink ref="E457" r:id="rId447" display="9616"/>
    <hyperlink ref="E458" r:id="rId448" display="4439"/>
    <hyperlink ref="E459" r:id="rId449" display="3225"/>
    <hyperlink ref="E460" r:id="rId450" display="8468"/>
    <hyperlink ref="E461" r:id="rId451" display="8471"/>
    <hyperlink ref="E462" r:id="rId452" display="3386"/>
    <hyperlink ref="E463" r:id="rId453" display="37"/>
    <hyperlink ref="E464" r:id="rId454" display="7395"/>
    <hyperlink ref="E465" r:id="rId455" display="3862"/>
    <hyperlink ref="E466" r:id="rId456" display="3165"/>
    <hyperlink ref="E467" r:id="rId457" display="454"/>
    <hyperlink ref="E468" r:id="rId458" display="1759"/>
    <hyperlink ref="E469" r:id="rId459" display="7396"/>
    <hyperlink ref="E470" r:id="rId460" display="3907"/>
    <hyperlink ref="E471" r:id="rId461" display="4428"/>
    <hyperlink ref="E472" r:id="rId462" display="457"/>
    <hyperlink ref="E473" r:id="rId463" display="3669"/>
    <hyperlink ref="E474" r:id="rId464" display="3910"/>
    <hyperlink ref="E475" r:id="rId465" display="3906"/>
    <hyperlink ref="E476" r:id="rId466" display="459"/>
    <hyperlink ref="E477" r:id="rId467" display="7642"/>
    <hyperlink ref="E478" r:id="rId468" display="125"/>
    <hyperlink ref="E479" r:id="rId469" display="7859"/>
    <hyperlink ref="E480" r:id="rId470" display="3347"/>
    <hyperlink ref="E481" r:id="rId471" display="892"/>
    <hyperlink ref="E483" r:id="rId472" display="510"/>
    <hyperlink ref="E485" r:id="rId473" display="5759"/>
    <hyperlink ref="E486" r:id="rId474" display="4871"/>
    <hyperlink ref="E487" r:id="rId475" display="5760"/>
    <hyperlink ref="E488" r:id="rId476" display="5088"/>
    <hyperlink ref="E489" r:id="rId477" display="5327"/>
    <hyperlink ref="E490" r:id="rId478" display="5087"/>
    <hyperlink ref="E491" r:id="rId479" display="1592"/>
    <hyperlink ref="E492" r:id="rId480" display="4371"/>
    <hyperlink ref="E493" r:id="rId481" display="1315"/>
    <hyperlink ref="E494" r:id="rId482" display="508"/>
    <hyperlink ref="E495" r:id="rId483" display="77"/>
    <hyperlink ref="E496" r:id="rId484" display="319"/>
    <hyperlink ref="E497" r:id="rId485" display="5618"/>
    <hyperlink ref="E498" r:id="rId486" display="318"/>
    <hyperlink ref="E499" r:id="rId487" display="10085"/>
    <hyperlink ref="E500" r:id="rId488" display="324"/>
    <hyperlink ref="E501" r:id="rId489" display="3500"/>
    <hyperlink ref="E502" r:id="rId490" display="5610"/>
    <hyperlink ref="E503" r:id="rId491" display="3863"/>
    <hyperlink ref="E504" r:id="rId492" display="1494"/>
    <hyperlink ref="E506" r:id="rId493" display="7497"/>
    <hyperlink ref="E507" r:id="rId494" display="5685"/>
    <hyperlink ref="E508" r:id="rId495" display="5686"/>
    <hyperlink ref="E509" r:id="rId496" display="6755"/>
    <hyperlink ref="E510" r:id="rId497" display="5687"/>
    <hyperlink ref="E511" r:id="rId498" display="5688"/>
    <hyperlink ref="E512" r:id="rId499" display="5689"/>
    <hyperlink ref="E513" r:id="rId500" display="5690"/>
    <hyperlink ref="E514" r:id="rId501" display="5691"/>
    <hyperlink ref="E515" r:id="rId502" display="5692"/>
    <hyperlink ref="E516" r:id="rId503" display="5693"/>
    <hyperlink ref="E517" r:id="rId504" display="5694"/>
    <hyperlink ref="E518" r:id="rId505" display="5695"/>
    <hyperlink ref="E519" r:id="rId506" display="5696"/>
    <hyperlink ref="E520" r:id="rId507" display="1788"/>
    <hyperlink ref="E521" r:id="rId508" display="5089"/>
    <hyperlink ref="E522" r:id="rId509" display="582"/>
    <hyperlink ref="E523" r:id="rId510" display="10317"/>
    <hyperlink ref="E524" r:id="rId511" display="4674"/>
    <hyperlink ref="E525" r:id="rId512" display="5141"/>
    <hyperlink ref="E526" r:id="rId513" display="7921"/>
    <hyperlink ref="E527" r:id="rId514" display="10322"/>
    <hyperlink ref="E528" r:id="rId515" display="10302"/>
    <hyperlink ref="E529" r:id="rId516" display="5130"/>
    <hyperlink ref="E530" r:id="rId517" display="5139"/>
    <hyperlink ref="E531" r:id="rId518" display="10289"/>
    <hyperlink ref="E532" r:id="rId519" display="115"/>
    <hyperlink ref="E533" r:id="rId520" display="3370"/>
    <hyperlink ref="E534" r:id="rId521" display="5128"/>
    <hyperlink ref="E535" r:id="rId522" display="4451"/>
    <hyperlink ref="E536" r:id="rId523" display="4128"/>
    <hyperlink ref="E537" r:id="rId524" display="90"/>
    <hyperlink ref="E539" r:id="rId525" display="1408"/>
    <hyperlink ref="E540" r:id="rId526" display="7285"/>
    <hyperlink ref="E541" r:id="rId527" display="4474"/>
    <hyperlink ref="E542" r:id="rId528" display="1443"/>
    <hyperlink ref="E543" r:id="rId529" display="562"/>
    <hyperlink ref="E544" r:id="rId530" display="5164"/>
    <hyperlink ref="E545" r:id="rId531" display="5738"/>
    <hyperlink ref="E546" r:id="rId532" display="9148"/>
    <hyperlink ref="E547" r:id="rId533" display="5500"/>
    <hyperlink ref="E548" r:id="rId534" display="7798"/>
    <hyperlink ref="E549" r:id="rId535" display="7694"/>
    <hyperlink ref="E550" r:id="rId536" display="7528"/>
    <hyperlink ref="E551" r:id="rId537" display="8333"/>
    <hyperlink ref="E552" r:id="rId538" display="8236"/>
    <hyperlink ref="E553" r:id="rId539" display="559"/>
    <hyperlink ref="E554" r:id="rId540" display="8020"/>
    <hyperlink ref="E555" r:id="rId541" display="6932"/>
    <hyperlink ref="E556" r:id="rId542" display="1620"/>
    <hyperlink ref="E557" r:id="rId543" display="4296"/>
    <hyperlink ref="E558" r:id="rId544" display="7045"/>
    <hyperlink ref="E559" r:id="rId545" display="7047"/>
    <hyperlink ref="E560" r:id="rId546" display="10008"/>
    <hyperlink ref="E561" r:id="rId547" display="7245"/>
    <hyperlink ref="E562" r:id="rId548" display="1766"/>
    <hyperlink ref="E563" r:id="rId549" display="7037"/>
    <hyperlink ref="E564" r:id="rId550" display="7038"/>
    <hyperlink ref="E565" r:id="rId551" display="7040"/>
    <hyperlink ref="E566" r:id="rId552" display="7039"/>
    <hyperlink ref="E567" r:id="rId553" display="6694"/>
    <hyperlink ref="E568" r:id="rId554" display="6697"/>
    <hyperlink ref="E569" r:id="rId555" display="6698"/>
    <hyperlink ref="E570" r:id="rId556" display="6696"/>
    <hyperlink ref="E571" r:id="rId557" display="7044"/>
    <hyperlink ref="E572" r:id="rId558" display="6973"/>
    <hyperlink ref="E573" r:id="rId559" display="7266"/>
    <hyperlink ref="E574" r:id="rId560" display="7268"/>
    <hyperlink ref="E575" r:id="rId561" display="6975"/>
    <hyperlink ref="E576" r:id="rId562" display="6977"/>
    <hyperlink ref="E577" r:id="rId563" display="6976"/>
    <hyperlink ref="E578" r:id="rId564" display="3573"/>
    <hyperlink ref="E579" r:id="rId565" display="4352"/>
    <hyperlink ref="E580" r:id="rId566" display="7537"/>
    <hyperlink ref="E581" r:id="rId567" display="7378"/>
    <hyperlink ref="E582" r:id="rId568" display="7380"/>
    <hyperlink ref="E583" r:id="rId569" display="7379"/>
    <hyperlink ref="E584" r:id="rId570" display="3833"/>
    <hyperlink ref="E585" r:id="rId571" display="9848"/>
    <hyperlink ref="E586" r:id="rId572" display="8098"/>
    <hyperlink ref="E587" r:id="rId573" display="8747"/>
    <hyperlink ref="E588" r:id="rId574" display="5093"/>
    <hyperlink ref="E589" r:id="rId575" display="8524"/>
    <hyperlink ref="E590" r:id="rId576" display="8401"/>
    <hyperlink ref="E591" r:id="rId577" display="8396"/>
    <hyperlink ref="E592" r:id="rId578" display="3439"/>
    <hyperlink ref="E593" r:id="rId579" display="8312"/>
    <hyperlink ref="E594" r:id="rId580" display="8400"/>
    <hyperlink ref="E595" r:id="rId581" display="8525"/>
    <hyperlink ref="E596" r:id="rId582" display="9593"/>
    <hyperlink ref="E597" r:id="rId583" display="8527"/>
    <hyperlink ref="E598" r:id="rId584" display="8724"/>
    <hyperlink ref="E599" r:id="rId585" display="8526"/>
    <hyperlink ref="E600" r:id="rId586" display="8723"/>
    <hyperlink ref="E601" r:id="rId587" display="9368"/>
    <hyperlink ref="E602" r:id="rId588" display="8399"/>
    <hyperlink ref="E603" r:id="rId589" display="1517"/>
    <hyperlink ref="E604" r:id="rId590" display="8901"/>
    <hyperlink ref="E605" r:id="rId591" display="9372"/>
    <hyperlink ref="E606" r:id="rId592" display="9370"/>
    <hyperlink ref="E607" r:id="rId593" display="910"/>
    <hyperlink ref="E608" r:id="rId594" display="907"/>
    <hyperlink ref="E609" r:id="rId595" display="905"/>
    <hyperlink ref="E610" r:id="rId596" display="112"/>
    <hyperlink ref="E611" r:id="rId597" display="120"/>
    <hyperlink ref="E612" r:id="rId598" display="580"/>
    <hyperlink ref="E613" r:id="rId599" display="912"/>
    <hyperlink ref="E614" r:id="rId600" display="3637"/>
    <hyperlink ref="E615" r:id="rId601" display="7785"/>
    <hyperlink ref="E616" r:id="rId602" display="911"/>
    <hyperlink ref="E617" r:id="rId603" display="7450"/>
    <hyperlink ref="E618" r:id="rId604" display="8005"/>
    <hyperlink ref="E619" r:id="rId605" display="6443"/>
    <hyperlink ref="E620" r:id="rId606" display="9505"/>
    <hyperlink ref="E621" r:id="rId607" display="4028"/>
    <hyperlink ref="E622" r:id="rId608" display="3235"/>
    <hyperlink ref="E623" r:id="rId609" display="7516"/>
    <hyperlink ref="E624" r:id="rId610" display="7909"/>
    <hyperlink ref="E625" r:id="rId611" display="10081"/>
    <hyperlink ref="E626" r:id="rId612" display="577"/>
    <hyperlink ref="E627" r:id="rId613" display="948"/>
    <hyperlink ref="E628" r:id="rId614" display="576"/>
    <hyperlink ref="E629" r:id="rId615" display="575"/>
    <hyperlink ref="E630" r:id="rId616" display="1777"/>
    <hyperlink ref="E631" r:id="rId617" display="5941"/>
    <hyperlink ref="E632" r:id="rId618" display="3270"/>
    <hyperlink ref="E633" r:id="rId619" display="904"/>
    <hyperlink ref="E634" r:id="rId620" display="6641"/>
    <hyperlink ref="E635" r:id="rId621" display="5267"/>
    <hyperlink ref="E636" r:id="rId622" display="3614"/>
    <hyperlink ref="E637" r:id="rId623" display="6642"/>
    <hyperlink ref="E638" r:id="rId624" display="4281"/>
    <hyperlink ref="E639" r:id="rId625" display="579"/>
    <hyperlink ref="E640" r:id="rId626" display="564"/>
    <hyperlink ref="E641" r:id="rId627" display="549"/>
    <hyperlink ref="E642" r:id="rId628" display="1614"/>
    <hyperlink ref="E643" r:id="rId629" display="7493"/>
    <hyperlink ref="E644" r:id="rId630" display="103"/>
    <hyperlink ref="E645" r:id="rId631" display="6000"/>
    <hyperlink ref="E646" r:id="rId632" display="3621"/>
    <hyperlink ref="E647" r:id="rId633" display="5238"/>
    <hyperlink ref="E648" r:id="rId634" display="3660"/>
    <hyperlink ref="E649" r:id="rId635" display="3363"/>
    <hyperlink ref="E650" r:id="rId636" display="4996"/>
    <hyperlink ref="E651" r:id="rId637" display="5449"/>
    <hyperlink ref="E652" r:id="rId638" display="1107"/>
    <hyperlink ref="E653" r:id="rId639" display="3227"/>
    <hyperlink ref="E654" r:id="rId640" display="5999"/>
    <hyperlink ref="E655" r:id="rId641" display="3514"/>
    <hyperlink ref="E656" r:id="rId642" display="8694"/>
    <hyperlink ref="E657" r:id="rId643" display="949"/>
    <hyperlink ref="E658" r:id="rId644" display="5589"/>
    <hyperlink ref="E659" r:id="rId645" display="3497"/>
    <hyperlink ref="E660" r:id="rId646" display="5082"/>
    <hyperlink ref="E661" r:id="rId647" display="5083"/>
    <hyperlink ref="E662" r:id="rId648" display="5299"/>
    <hyperlink ref="E664" r:id="rId649" display="820"/>
    <hyperlink ref="E665" r:id="rId650" display="823"/>
    <hyperlink ref="E666" r:id="rId651" display="3642"/>
    <hyperlink ref="E667" r:id="rId652" display="824"/>
    <hyperlink ref="E668" r:id="rId653" display="825"/>
    <hyperlink ref="E669" r:id="rId654" display="826"/>
    <hyperlink ref="E670" r:id="rId655" display="3052"/>
    <hyperlink ref="E671" r:id="rId656" display="3176"/>
    <hyperlink ref="E672" r:id="rId657" display="4768"/>
    <hyperlink ref="E673" r:id="rId658" display="3818"/>
    <hyperlink ref="E674" r:id="rId659" display="5281"/>
    <hyperlink ref="E675" r:id="rId660" display="6618"/>
    <hyperlink ref="E676" r:id="rId661" display="5102"/>
    <hyperlink ref="E677" r:id="rId662" display="4925"/>
    <hyperlink ref="E678" r:id="rId663" display="6884"/>
    <hyperlink ref="E679" r:id="rId664" display="6883"/>
    <hyperlink ref="E680" r:id="rId665" display="6882"/>
    <hyperlink ref="E681" r:id="rId666" display="3268"/>
    <hyperlink ref="E682" r:id="rId667" display="3175"/>
    <hyperlink ref="E683" r:id="rId668" display="3817"/>
    <hyperlink ref="E684" r:id="rId669" display="7465"/>
    <hyperlink ref="E685" r:id="rId670" display="7671"/>
    <hyperlink ref="E686" r:id="rId671" display="7383"/>
    <hyperlink ref="E687" r:id="rId672" display="7384"/>
    <hyperlink ref="E688" r:id="rId673" display="7385"/>
    <hyperlink ref="E689" r:id="rId674" display="7672"/>
    <hyperlink ref="E690" r:id="rId675" display="7386"/>
    <hyperlink ref="E691" r:id="rId676" display="5309"/>
    <hyperlink ref="E692" r:id="rId677" display="5310"/>
    <hyperlink ref="E693" r:id="rId678" display="5311"/>
    <hyperlink ref="E694" r:id="rId679" display="3091"/>
    <hyperlink ref="E695" r:id="rId680" display="3919"/>
    <hyperlink ref="E696" r:id="rId681" display="3714"/>
    <hyperlink ref="E697" r:id="rId682" display="3918"/>
    <hyperlink ref="E698" r:id="rId683" display="3917"/>
    <hyperlink ref="E699" r:id="rId684" display="1175"/>
    <hyperlink ref="E700" r:id="rId685" display="8096"/>
    <hyperlink ref="E701" r:id="rId686" display="3267"/>
    <hyperlink ref="E702" r:id="rId687" display="4874"/>
    <hyperlink ref="E703" r:id="rId688" display="6469"/>
    <hyperlink ref="E704" r:id="rId689" display="3925"/>
    <hyperlink ref="E705" r:id="rId690" display="3924"/>
    <hyperlink ref="E706" r:id="rId691" display="828"/>
    <hyperlink ref="E707" r:id="rId692" display="1515"/>
    <hyperlink ref="E708" r:id="rId693" display="7366"/>
    <hyperlink ref="E709" r:id="rId694" display="6101"/>
    <hyperlink ref="E710" r:id="rId695" display="8074"/>
    <hyperlink ref="E711" r:id="rId696" display="7367"/>
    <hyperlink ref="E712" r:id="rId697" display="8075"/>
    <hyperlink ref="E713" r:id="rId698" display="872"/>
    <hyperlink ref="E714" r:id="rId699" display="818"/>
    <hyperlink ref="E715" r:id="rId700" display="1582"/>
    <hyperlink ref="E716" r:id="rId701" display="3819"/>
    <hyperlink ref="E717" r:id="rId702" display="8076"/>
    <hyperlink ref="E718" r:id="rId703" display="8077"/>
    <hyperlink ref="E719" r:id="rId704" display="819"/>
    <hyperlink ref="E720" r:id="rId705" display="8818"/>
    <hyperlink ref="E721" r:id="rId706" display="7370"/>
    <hyperlink ref="E722" r:id="rId707" display="4080"/>
    <hyperlink ref="E723" r:id="rId708" display="7372"/>
    <hyperlink ref="E724" r:id="rId709" display="5517"/>
    <hyperlink ref="E725" r:id="rId710" display="6866"/>
    <hyperlink ref="E726" r:id="rId711" display="8552"/>
    <hyperlink ref="E727" r:id="rId712" display="847"/>
    <hyperlink ref="E728" r:id="rId713" display="4035"/>
    <hyperlink ref="E729" r:id="rId714" display="9326"/>
    <hyperlink ref="E730" r:id="rId715" display="6466"/>
    <hyperlink ref="E731" r:id="rId716" display="863"/>
    <hyperlink ref="E732" r:id="rId717" display="865"/>
    <hyperlink ref="E733" r:id="rId718" display="864"/>
    <hyperlink ref="E734" r:id="rId719" display="3841"/>
    <hyperlink ref="E735" r:id="rId720" display="3842"/>
    <hyperlink ref="E736" r:id="rId721" display="3379"/>
    <hyperlink ref="E737" r:id="rId722" display="5151"/>
    <hyperlink ref="E738" r:id="rId723" display="4037"/>
    <hyperlink ref="E739" r:id="rId724" display="3303"/>
    <hyperlink ref="E740" r:id="rId725" display="3301"/>
    <hyperlink ref="E741" r:id="rId726" display="3302"/>
    <hyperlink ref="E742" r:id="rId727" display="4290"/>
    <hyperlink ref="E743" r:id="rId728" display="4292"/>
    <hyperlink ref="E744" r:id="rId729" display="4291"/>
    <hyperlink ref="E745" r:id="rId730" display="5450"/>
    <hyperlink ref="E746" r:id="rId731" display="4019"/>
    <hyperlink ref="E747" r:id="rId732" display="4650"/>
    <hyperlink ref="E748" r:id="rId733" display="6874"/>
    <hyperlink ref="E749" r:id="rId734" display="6546"/>
    <hyperlink ref="E750" r:id="rId735" display="6457"/>
    <hyperlink ref="E751" r:id="rId736" display="6454"/>
    <hyperlink ref="E752" r:id="rId737" display="1738"/>
    <hyperlink ref="E753" r:id="rId738" display="6322"/>
    <hyperlink ref="E754" r:id="rId739" display="7964"/>
    <hyperlink ref="E755" r:id="rId740" display="7831"/>
    <hyperlink ref="E756" r:id="rId741" display="7662"/>
    <hyperlink ref="E757" r:id="rId742" display="7659"/>
    <hyperlink ref="E758" r:id="rId743" display="8707"/>
    <hyperlink ref="E759" r:id="rId744" display="873"/>
    <hyperlink ref="E760" r:id="rId745" display="1124"/>
    <hyperlink ref="E761" r:id="rId746" display="1125"/>
    <hyperlink ref="E762" r:id="rId747" display="8892"/>
    <hyperlink ref="E763" r:id="rId748" display="7487"/>
    <hyperlink ref="E764" r:id="rId749" display="7488"/>
    <hyperlink ref="E765" r:id="rId750" display="7490"/>
    <hyperlink ref="E766" r:id="rId751" display="8743"/>
    <hyperlink ref="E767" r:id="rId752" display="9016"/>
    <hyperlink ref="E768" r:id="rId753" display="9017"/>
    <hyperlink ref="E769" r:id="rId754" display="8945"/>
    <hyperlink ref="E770" r:id="rId755" display="7952"/>
    <hyperlink ref="E771" r:id="rId756" display="1427"/>
    <hyperlink ref="E772" r:id="rId757" display="4465"/>
    <hyperlink ref="E773" r:id="rId758" display="4036"/>
    <hyperlink ref="E774" r:id="rId759" display="8669"/>
    <hyperlink ref="E775" r:id="rId760" display="4652"/>
    <hyperlink ref="E776" r:id="rId761" display="8018"/>
    <hyperlink ref="E777" r:id="rId762" display="7948"/>
    <hyperlink ref="E778" r:id="rId763" display="6458"/>
    <hyperlink ref="E779" r:id="rId764" display="6453"/>
    <hyperlink ref="E780" r:id="rId765" display="7966"/>
    <hyperlink ref="E781" r:id="rId766" display="7656"/>
    <hyperlink ref="E782" r:id="rId767" display="7650"/>
    <hyperlink ref="E783" r:id="rId768" display="7832"/>
    <hyperlink ref="E784" r:id="rId769" display="7652"/>
    <hyperlink ref="E785" r:id="rId770" display="7833"/>
    <hyperlink ref="E786" r:id="rId771" display="7967"/>
    <hyperlink ref="E787" r:id="rId772" display="7323"/>
    <hyperlink ref="E788" r:id="rId773" display="7979"/>
    <hyperlink ref="E789" r:id="rId774" display="7951"/>
    <hyperlink ref="E790" r:id="rId775" display="7968"/>
    <hyperlink ref="E791" r:id="rId776" display="5668"/>
    <hyperlink ref="E792" r:id="rId777" display="8318"/>
    <hyperlink ref="E793" r:id="rId778" display="8319"/>
    <hyperlink ref="E794" r:id="rId779" display="8320"/>
    <hyperlink ref="E795" r:id="rId780" display="8321"/>
    <hyperlink ref="E796" r:id="rId781" display="8322"/>
    <hyperlink ref="E797" r:id="rId782" display="8323"/>
    <hyperlink ref="E798" r:id="rId783" display="859"/>
    <hyperlink ref="E799" r:id="rId784" display="9110"/>
    <hyperlink ref="E800" r:id="rId785" display="9111"/>
    <hyperlink ref="E801" r:id="rId786" display="6456"/>
    <hyperlink ref="E802" r:id="rId787" display="4335"/>
    <hyperlink ref="E803" r:id="rId788" display="3550"/>
    <hyperlink ref="E804" r:id="rId789" display="3375"/>
    <hyperlink ref="E805" r:id="rId790" display="8438"/>
    <hyperlink ref="E806" r:id="rId791" display="7647"/>
    <hyperlink ref="E807" r:id="rId792" display="7947"/>
    <hyperlink ref="E808" r:id="rId793" display="857"/>
    <hyperlink ref="E809" r:id="rId794" display="7645"/>
    <hyperlink ref="E810" r:id="rId795" display="5669"/>
    <hyperlink ref="E811" r:id="rId796" display="5670"/>
    <hyperlink ref="E812" r:id="rId797" display="5667"/>
    <hyperlink ref="E813" r:id="rId798" display="5671"/>
    <hyperlink ref="E814" r:id="rId799" display="5672"/>
    <hyperlink ref="E815" r:id="rId800" display="5867"/>
    <hyperlink ref="E816" r:id="rId801" display="5868"/>
    <hyperlink ref="E817" r:id="rId802" display="3843"/>
    <hyperlink ref="E818" r:id="rId803" display="8325"/>
    <hyperlink ref="E819" r:id="rId804" display="8260"/>
    <hyperlink ref="E820" r:id="rId805" display="8261"/>
    <hyperlink ref="E821" r:id="rId806" display="8328"/>
    <hyperlink ref="E822" r:id="rId807" display="6420"/>
    <hyperlink ref="E823" r:id="rId808" display="5673"/>
    <hyperlink ref="E824" r:id="rId809" display="6545"/>
    <hyperlink ref="E825" r:id="rId810" display="1418"/>
    <hyperlink ref="E826" r:id="rId811" display="1768"/>
    <hyperlink ref="E827" r:id="rId812" display="8056"/>
    <hyperlink ref="E828" r:id="rId813" display="8439"/>
    <hyperlink ref="E829" r:id="rId814" display="8440"/>
    <hyperlink ref="E830" r:id="rId815" display="3815"/>
    <hyperlink ref="E831" r:id="rId816" display="4544"/>
    <hyperlink ref="E832" r:id="rId817" display="856"/>
    <hyperlink ref="E833" r:id="rId818" display="5298"/>
    <hyperlink ref="E834" r:id="rId819" display="5296"/>
    <hyperlink ref="E835" r:id="rId820" display="1397"/>
    <hyperlink ref="E836" r:id="rId821" display="3243"/>
    <hyperlink ref="E837" r:id="rId822" display="3362"/>
    <hyperlink ref="E838" r:id="rId823" display="7651"/>
    <hyperlink ref="E839" r:id="rId824" display="1715"/>
    <hyperlink ref="E840" r:id="rId825" display="6875"/>
    <hyperlink ref="E841" r:id="rId826" display="3875"/>
    <hyperlink ref="E842" r:id="rId827" display="4651"/>
    <hyperlink ref="E843" r:id="rId828" display="858"/>
    <hyperlink ref="E844" r:id="rId829" display="852"/>
    <hyperlink ref="E845" r:id="rId830" display="1555"/>
    <hyperlink ref="E846" r:id="rId831" display="6455"/>
    <hyperlink ref="E847" r:id="rId832" display="7654"/>
    <hyperlink ref="E848" r:id="rId833" display="5833"/>
    <hyperlink ref="E849" r:id="rId834" display="5834"/>
    <hyperlink ref="E850" r:id="rId835" display="5835"/>
    <hyperlink ref="E851" r:id="rId836" display="1501"/>
    <hyperlink ref="E852" r:id="rId837" display="50"/>
    <hyperlink ref="E853" r:id="rId838" display="52"/>
    <hyperlink ref="E854" r:id="rId839" display="135"/>
    <hyperlink ref="E855" r:id="rId840" display="51"/>
    <hyperlink ref="E856" r:id="rId841" display="1541"/>
    <hyperlink ref="E857" r:id="rId842" display="1542"/>
    <hyperlink ref="E858" r:id="rId843" display="3721"/>
    <hyperlink ref="E859" r:id="rId844" display="3720"/>
    <hyperlink ref="E860" r:id="rId845" display="3719"/>
    <hyperlink ref="E861" r:id="rId846" display="4251"/>
    <hyperlink ref="E862" r:id="rId847" display="4079"/>
    <hyperlink ref="E863" r:id="rId848" display="884"/>
    <hyperlink ref="E864" r:id="rId849" display="883"/>
    <hyperlink ref="E865" r:id="rId850" display="4577"/>
    <hyperlink ref="E866" r:id="rId851" display="876"/>
    <hyperlink ref="E867" r:id="rId852" display="7355"/>
    <hyperlink ref="E868" r:id="rId853" display="878"/>
    <hyperlink ref="E869" r:id="rId854" display="3145"/>
    <hyperlink ref="E870" r:id="rId855" display="848"/>
    <hyperlink ref="E871" r:id="rId856" display="8647"/>
    <hyperlink ref="E872" r:id="rId857" display="8648"/>
    <hyperlink ref="E873" r:id="rId858" display="8649"/>
    <hyperlink ref="E874" r:id="rId859" display="8650"/>
    <hyperlink ref="E875" r:id="rId860" display="8651"/>
    <hyperlink ref="E876" r:id="rId861" display="8652"/>
    <hyperlink ref="E877" r:id="rId862" display="6239"/>
    <hyperlink ref="E878" r:id="rId863" display="6240"/>
    <hyperlink ref="E879" r:id="rId864" display="6241"/>
    <hyperlink ref="E880" r:id="rId865" display="6242"/>
    <hyperlink ref="E881" r:id="rId866" display="6243"/>
    <hyperlink ref="E882" r:id="rId867" display="6244"/>
    <hyperlink ref="E883" r:id="rId868" display="6245"/>
    <hyperlink ref="E884" r:id="rId869" display="5120"/>
    <hyperlink ref="E885" r:id="rId870" display="1394"/>
    <hyperlink ref="E886" r:id="rId871" display="4578"/>
    <hyperlink ref="E887" r:id="rId872" display="7354"/>
    <hyperlink ref="E888" r:id="rId873" display="5121"/>
    <hyperlink ref="E889" r:id="rId874" display="5122"/>
    <hyperlink ref="E890" r:id="rId875" display="7356"/>
    <hyperlink ref="E891" r:id="rId876" display="7357"/>
    <hyperlink ref="E892" r:id="rId877" display="7358"/>
    <hyperlink ref="E893" r:id="rId878" display="5621"/>
    <hyperlink ref="E894" r:id="rId879" display="5852"/>
    <hyperlink ref="E895" r:id="rId880" display="5853"/>
    <hyperlink ref="E896" r:id="rId881" display="6842"/>
    <hyperlink ref="E897" r:id="rId882" display="6843"/>
    <hyperlink ref="E898" r:id="rId883" display="6844"/>
    <hyperlink ref="E899" r:id="rId884" display="6845"/>
    <hyperlink ref="E900" r:id="rId885" display="5341"/>
    <hyperlink ref="E901" r:id="rId886" display="5331"/>
    <hyperlink ref="E902" r:id="rId887" display="5332"/>
    <hyperlink ref="E903" r:id="rId888" display="5333"/>
    <hyperlink ref="E904" r:id="rId889" display="5334"/>
    <hyperlink ref="E905" r:id="rId890" display="5335"/>
    <hyperlink ref="E906" r:id="rId891" display="8092"/>
    <hyperlink ref="E907" r:id="rId892" display="3507"/>
    <hyperlink ref="E908" r:id="rId893" display="47"/>
    <hyperlink ref="E909" r:id="rId894" display="3508"/>
    <hyperlink ref="E910" r:id="rId895" display="7361"/>
    <hyperlink ref="E911" r:id="rId896" display="6601"/>
    <hyperlink ref="E912" r:id="rId897" display="6602"/>
    <hyperlink ref="E913" r:id="rId898" display="6603"/>
    <hyperlink ref="E914" r:id="rId899" display="6604"/>
    <hyperlink ref="E915" r:id="rId900" display="6605"/>
    <hyperlink ref="E916" r:id="rId901" display="6606"/>
    <hyperlink ref="E917" r:id="rId902" display="6607"/>
    <hyperlink ref="E918" r:id="rId903" display="6608"/>
    <hyperlink ref="E919" r:id="rId904" display="7363"/>
    <hyperlink ref="E920" r:id="rId905" display="7364"/>
    <hyperlink ref="E921" r:id="rId906" display="7365"/>
    <hyperlink ref="E922" r:id="rId907" display="7362"/>
    <hyperlink ref="E923" r:id="rId908" display="3547"/>
    <hyperlink ref="E924" r:id="rId909" display="3548"/>
    <hyperlink ref="E925" r:id="rId910" display="3549"/>
    <hyperlink ref="E926" r:id="rId911" display="3551"/>
    <hyperlink ref="E927" r:id="rId912" display="3594"/>
    <hyperlink ref="E928" r:id="rId913" display="3595"/>
    <hyperlink ref="E929" r:id="rId914" display="3596"/>
    <hyperlink ref="E930" r:id="rId915" display="3650"/>
    <hyperlink ref="E931" r:id="rId916" display="485"/>
    <hyperlink ref="E932" r:id="rId917" display="6846"/>
    <hyperlink ref="E933" r:id="rId918" display="6847"/>
    <hyperlink ref="E934" r:id="rId919" display="6848"/>
    <hyperlink ref="E935" r:id="rId920" display="6849"/>
    <hyperlink ref="E936" r:id="rId921" display="136"/>
    <hyperlink ref="E937" r:id="rId922" display="8068"/>
    <hyperlink ref="E938" r:id="rId923" display="8069"/>
    <hyperlink ref="E939" r:id="rId924" display="189"/>
    <hyperlink ref="E940" r:id="rId925" display="195"/>
    <hyperlink ref="E941" r:id="rId926" display="48"/>
    <hyperlink ref="E942" r:id="rId927" display="7359"/>
    <hyperlink ref="E943" r:id="rId928" display="8654"/>
    <hyperlink ref="E944" r:id="rId929" display="133"/>
    <hyperlink ref="E945" r:id="rId930" display="4078"/>
    <hyperlink ref="E946" r:id="rId931" display="49"/>
    <hyperlink ref="E947" r:id="rId932" display="880"/>
    <hyperlink ref="E948" r:id="rId933" display="881"/>
    <hyperlink ref="E949" r:id="rId934" display="3648"/>
    <hyperlink ref="E950" r:id="rId935" display="882"/>
    <hyperlink ref="E951" r:id="rId936" display="7456"/>
    <hyperlink ref="E952" r:id="rId937" display="1769"/>
    <hyperlink ref="E953" r:id="rId938" display="850"/>
    <hyperlink ref="E954" r:id="rId939" display="8643"/>
    <hyperlink ref="E955" r:id="rId940" display="8644"/>
    <hyperlink ref="E956" r:id="rId941" display="8645"/>
    <hyperlink ref="E957" r:id="rId942" display="8646"/>
    <hyperlink ref="E958" r:id="rId943" display="132"/>
    <hyperlink ref="E959" r:id="rId944" display="7406"/>
    <hyperlink ref="E960" r:id="rId945" display="7360"/>
    <hyperlink ref="E961" r:id="rId946" display="4252"/>
    <hyperlink ref="E962" r:id="rId947" display="196"/>
    <hyperlink ref="E963" r:id="rId948" display="8656"/>
    <hyperlink ref="E964" r:id="rId949" display="8655"/>
    <hyperlink ref="E965" r:id="rId950" display="874"/>
    <hyperlink ref="E966" r:id="rId951" display="8067"/>
    <hyperlink ref="E967" r:id="rId952" display="8066"/>
    <hyperlink ref="E968" r:id="rId953" display="8065"/>
    <hyperlink ref="E969" r:id="rId954" display="7622"/>
    <hyperlink ref="E970" r:id="rId955" display="7619"/>
    <hyperlink ref="E971" r:id="rId956" display="7620"/>
    <hyperlink ref="E972" r:id="rId957" display="7621"/>
    <hyperlink ref="E973" r:id="rId958" display="7409"/>
    <hyperlink ref="E974" r:id="rId959" display="10159"/>
    <hyperlink ref="E975" r:id="rId960" display="10160"/>
    <hyperlink ref="E976" r:id="rId961" display="10161"/>
    <hyperlink ref="E977" r:id="rId962" display="10162"/>
    <hyperlink ref="E978" r:id="rId963" display="9240"/>
    <hyperlink ref="E979" r:id="rId964" display="9241"/>
    <hyperlink ref="E980" r:id="rId965" display="9242"/>
    <hyperlink ref="E981" r:id="rId966" display="9243"/>
    <hyperlink ref="E982" r:id="rId967" display="8095"/>
    <hyperlink ref="E983" r:id="rId968" display="6686"/>
    <hyperlink ref="E984" r:id="rId969" display="6687"/>
    <hyperlink ref="E985" r:id="rId970" display="6688"/>
    <hyperlink ref="E986" r:id="rId971" display="6690"/>
    <hyperlink ref="E987" r:id="rId972" display="4237"/>
    <hyperlink ref="E988" r:id="rId973" display="4215"/>
    <hyperlink ref="E989" r:id="rId974" display="3666"/>
    <hyperlink ref="E990" r:id="rId975" display="3665"/>
    <hyperlink ref="E991" r:id="rId976" display="7962"/>
    <hyperlink ref="E992" r:id="rId977" display="7663"/>
    <hyperlink ref="E993" r:id="rId978" display="7976"/>
    <hyperlink ref="E994" r:id="rId979" display="866"/>
    <hyperlink ref="E995" r:id="rId980" display="5101"/>
    <hyperlink ref="E996" r:id="rId981" display="868"/>
    <hyperlink ref="E997" r:id="rId982" display="4355"/>
    <hyperlink ref="E998" r:id="rId983" display="4356"/>
    <hyperlink ref="E999" r:id="rId984" display="870"/>
    <hyperlink ref="E1000" r:id="rId985" display="9892"/>
    <hyperlink ref="E1001" r:id="rId986" display="7787"/>
    <hyperlink ref="E1002" r:id="rId987" display="6337"/>
    <hyperlink ref="E1003" r:id="rId988" display="9893"/>
    <hyperlink ref="E1004" r:id="rId989" display="10098"/>
    <hyperlink ref="E1005" r:id="rId990" display="7105"/>
    <hyperlink ref="E1006" r:id="rId991" display="7789"/>
    <hyperlink ref="E1007" r:id="rId992" display="7557"/>
    <hyperlink ref="E1008" r:id="rId993" display="8434"/>
    <hyperlink ref="E1009" r:id="rId994" display="7475"/>
    <hyperlink ref="E1010" r:id="rId995" display="9909"/>
    <hyperlink ref="E1011" r:id="rId996" display="7104"/>
    <hyperlink ref="E1012" r:id="rId997" display="10290"/>
    <hyperlink ref="E1013" r:id="rId998" display="7791"/>
    <hyperlink ref="E1014" r:id="rId999" display="7106"/>
    <hyperlink ref="E1015" r:id="rId1000" display="10265"/>
    <hyperlink ref="E1016" r:id="rId1001" display="8601"/>
    <hyperlink ref="E1017" r:id="rId1002" display="8599"/>
    <hyperlink ref="E1018" r:id="rId1003" display="877"/>
    <hyperlink ref="E1019" r:id="rId1004" display="8104"/>
    <hyperlink ref="E1020" r:id="rId1005" display="7790"/>
    <hyperlink ref="E1021" r:id="rId1006" display="10152"/>
    <hyperlink ref="E1022" r:id="rId1007" display="9918"/>
    <hyperlink ref="E1023" r:id="rId1008" display="10264"/>
    <hyperlink ref="E1024" r:id="rId1009" display="7728"/>
    <hyperlink ref="E1025" r:id="rId1010" display="7726"/>
    <hyperlink ref="E1026" r:id="rId1011" display="7786"/>
    <hyperlink ref="E1027" r:id="rId1012" display="7188"/>
    <hyperlink ref="E1028" r:id="rId1013" display="6989"/>
    <hyperlink ref="E1029" r:id="rId1014" display="7189"/>
    <hyperlink ref="E1030" r:id="rId1015" display="7495"/>
    <hyperlink ref="E1031" r:id="rId1016" display="7623"/>
    <hyperlink ref="E1032" r:id="rId1017" display="7935"/>
    <hyperlink ref="E1033" r:id="rId1018" display="10309"/>
    <hyperlink ref="E1034" r:id="rId1019" display="7725"/>
    <hyperlink ref="E1035" r:id="rId1020" display="10256"/>
    <hyperlink ref="E1036" r:id="rId1021" display="7103"/>
    <hyperlink ref="E1037" r:id="rId1022" display="8443"/>
    <hyperlink ref="E1038" r:id="rId1023" display="7667"/>
    <hyperlink ref="E1039" r:id="rId1024" display="9889"/>
    <hyperlink ref="E1040" r:id="rId1025" display="7102"/>
    <hyperlink ref="E1041" r:id="rId1026" display="7109"/>
    <hyperlink ref="E1042" r:id="rId1027" display="10158"/>
    <hyperlink ref="E1043" r:id="rId1028" display="7190"/>
    <hyperlink ref="E1044" r:id="rId1029" display="6336"/>
    <hyperlink ref="E1045" r:id="rId1030" display="10123"/>
    <hyperlink ref="E1046" r:id="rId1031" display="9927"/>
    <hyperlink ref="E1047" r:id="rId1032" display="9764"/>
    <hyperlink ref="E1048" r:id="rId1033" display="10203"/>
    <hyperlink ref="E1049" r:id="rId1034" display="7727"/>
    <hyperlink ref="E1050" r:id="rId1035" display="7108"/>
    <hyperlink ref="E1051" r:id="rId1036" display="8866"/>
    <hyperlink ref="E1052" r:id="rId1037" display="5790"/>
    <hyperlink ref="E1053" r:id="rId1038" display="9890"/>
    <hyperlink ref="E1054" r:id="rId1039" display="9922"/>
    <hyperlink ref="E1055" r:id="rId1040" display="10188"/>
    <hyperlink ref="E1056" r:id="rId1041" display="10131"/>
    <hyperlink ref="E1057" r:id="rId1042" display="8103"/>
    <hyperlink ref="E1058" r:id="rId1043" display="9882"/>
    <hyperlink ref="E1059" r:id="rId1044" display="9145"/>
    <hyperlink ref="E1061" r:id="rId1045" display="9302"/>
    <hyperlink ref="E1062" r:id="rId1046" display="787"/>
    <hyperlink ref="E1063" r:id="rId1047" display="1565"/>
    <hyperlink ref="E1064" r:id="rId1048" display="3441"/>
    <hyperlink ref="E1065" r:id="rId1049" display="800"/>
    <hyperlink ref="E1066" r:id="rId1050" display="5272"/>
    <hyperlink ref="E1067" r:id="rId1051" display="795"/>
    <hyperlink ref="E1068" r:id="rId1052" display="5058"/>
    <hyperlink ref="E1069" r:id="rId1053" display="3173"/>
    <hyperlink ref="E1070" r:id="rId1054" display="1286"/>
    <hyperlink ref="E1071" r:id="rId1055" display="57"/>
    <hyperlink ref="E1072" r:id="rId1056" display="6705"/>
    <hyperlink ref="E1073" r:id="rId1057" display="5590"/>
    <hyperlink ref="E1074" r:id="rId1058" display="1621"/>
    <hyperlink ref="E1075" r:id="rId1059" display="4974"/>
    <hyperlink ref="E1076" r:id="rId1060" display="3935"/>
    <hyperlink ref="E1077" r:id="rId1061" display="1163"/>
    <hyperlink ref="E1078" r:id="rId1062" display="64"/>
    <hyperlink ref="E1079" r:id="rId1063" display="5408"/>
    <hyperlink ref="E1080" r:id="rId1064" display="9239"/>
    <hyperlink ref="E1081" r:id="rId1065" display="9802"/>
    <hyperlink ref="E1082" r:id="rId1066" display="9624"/>
    <hyperlink ref="E1083" r:id="rId1067" display="3174"/>
    <hyperlink ref="E1084" r:id="rId1068" display="6354"/>
    <hyperlink ref="E1085" r:id="rId1069" display="5059"/>
    <hyperlink ref="E1086" r:id="rId1070" display="5642"/>
    <hyperlink ref="E1087" r:id="rId1071" display="790"/>
    <hyperlink ref="E1088" r:id="rId1072" display="9690"/>
    <hyperlink ref="E1089" r:id="rId1073" display="9374"/>
    <hyperlink ref="E1090" r:id="rId1074" display="9647"/>
    <hyperlink ref="E1091" r:id="rId1075" display="65"/>
    <hyperlink ref="E1092" r:id="rId1076" display="5503"/>
    <hyperlink ref="E1093" r:id="rId1077" display="9691"/>
    <hyperlink ref="E1094" r:id="rId1078" display="66"/>
    <hyperlink ref="E1095" r:id="rId1079" display="3172"/>
    <hyperlink ref="E1096" r:id="rId1080" display="9692"/>
    <hyperlink ref="E1097" r:id="rId1081" display="8001"/>
    <hyperlink ref="E1098" r:id="rId1082" display="56"/>
    <hyperlink ref="E1099" r:id="rId1083" display="67"/>
    <hyperlink ref="E1100" r:id="rId1084" display="124"/>
    <hyperlink ref="E1101" r:id="rId1085" display="4307"/>
    <hyperlink ref="E1102" r:id="rId1086" display="5578"/>
    <hyperlink ref="E1103" r:id="rId1087" display="5562"/>
    <hyperlink ref="E1104" r:id="rId1088" display="8677"/>
    <hyperlink ref="E1105" r:id="rId1089" display="5473"/>
    <hyperlink ref="E1106" r:id="rId1090" display="9014"/>
    <hyperlink ref="E1107" r:id="rId1091" display="7068"/>
    <hyperlink ref="E1108" r:id="rId1092" display="4283"/>
    <hyperlink ref="E1109" r:id="rId1093" display="5275"/>
    <hyperlink ref="E1110" r:id="rId1094" display="5472"/>
    <hyperlink ref="E1111" r:id="rId1095" display="9038"/>
    <hyperlink ref="E1112" r:id="rId1096" display="8855"/>
    <hyperlink ref="E1113" r:id="rId1097" display="6841"/>
    <hyperlink ref="E1114" r:id="rId1098" display="5278"/>
    <hyperlink ref="E1115" r:id="rId1099" display="3115"/>
    <hyperlink ref="E1116" r:id="rId1100" display="803"/>
    <hyperlink ref="E1117" r:id="rId1101" display="1057"/>
    <hyperlink ref="E1118" r:id="rId1102" display="1346"/>
    <hyperlink ref="E1119" r:id="rId1103" display="10306"/>
    <hyperlink ref="E1120" r:id="rId1104" display="4954"/>
    <hyperlink ref="E1121" r:id="rId1105" display="1205"/>
    <hyperlink ref="E1122" r:id="rId1106" display="794"/>
    <hyperlink ref="E1123" r:id="rId1107" display="804"/>
    <hyperlink ref="E1124" r:id="rId1108" display="8431"/>
    <hyperlink ref="E1125" r:id="rId1109" display="4671"/>
    <hyperlink ref="E1126" r:id="rId1110" display="5276"/>
    <hyperlink ref="E1127" r:id="rId1111" display="5476"/>
    <hyperlink ref="E1128" r:id="rId1112" display="5757"/>
    <hyperlink ref="E1129" r:id="rId1113" display="6191"/>
    <hyperlink ref="E1130" r:id="rId1114" display="5477"/>
    <hyperlink ref="E1131" r:id="rId1115" display="9931"/>
    <hyperlink ref="E1132" r:id="rId1116" display="9364"/>
    <hyperlink ref="E1133" r:id="rId1117" display="7272"/>
    <hyperlink ref="E1134" r:id="rId1118" display="6508"/>
    <hyperlink ref="E1135" r:id="rId1119" display="5592"/>
    <hyperlink ref="E1136" r:id="rId1120" display="793"/>
    <hyperlink ref="E1137" r:id="rId1121" display="1143"/>
    <hyperlink ref="E1138" r:id="rId1122" display="1734"/>
    <hyperlink ref="E1139" r:id="rId1123" display="1727"/>
    <hyperlink ref="E1140" r:id="rId1124" display="4418"/>
    <hyperlink ref="E1141" r:id="rId1125" display="4347"/>
    <hyperlink ref="E1142" r:id="rId1126" display="3311"/>
    <hyperlink ref="E1143" r:id="rId1127" display="1146"/>
    <hyperlink ref="E1144" r:id="rId1128" display="805"/>
    <hyperlink ref="E1145" r:id="rId1129" display="5302"/>
    <hyperlink ref="E1146" r:id="rId1130" display="3625"/>
    <hyperlink ref="E1147" r:id="rId1131" display="3626"/>
    <hyperlink ref="E1148" r:id="rId1132" display="5372"/>
    <hyperlink ref="E1149" r:id="rId1133" display="5373"/>
    <hyperlink ref="E1150" r:id="rId1134" display="5526"/>
    <hyperlink ref="E1151" r:id="rId1135" display="1164"/>
    <hyperlink ref="E1152" r:id="rId1136" display="5043"/>
    <hyperlink ref="E1153" r:id="rId1137" display="5422"/>
    <hyperlink ref="E1154" r:id="rId1138" display="799"/>
    <hyperlink ref="E1155" r:id="rId1139" display="5273"/>
    <hyperlink ref="E1157" r:id="rId1140" display="5501"/>
    <hyperlink ref="E1158" r:id="rId1141" display="944"/>
    <hyperlink ref="E1159" r:id="rId1142" display="946"/>
    <hyperlink ref="E1160" r:id="rId1143" display="3998"/>
    <hyperlink ref="E1161" r:id="rId1144" display="61"/>
    <hyperlink ref="E1162" r:id="rId1145" display="3804"/>
    <hyperlink ref="E1163" r:id="rId1146" display="6897"/>
    <hyperlink ref="E1164" r:id="rId1147" display="8697"/>
    <hyperlink ref="E1165" r:id="rId1148" display="9697"/>
    <hyperlink ref="E1166" r:id="rId1149" display="959"/>
    <hyperlink ref="E1167" r:id="rId1150" display="9694"/>
    <hyperlink ref="E1168" r:id="rId1151" display="1056"/>
    <hyperlink ref="E1169" r:id="rId1152" display="7063"/>
    <hyperlink ref="E1170" r:id="rId1153" display="3506"/>
    <hyperlink ref="E1171" r:id="rId1154" display="963"/>
    <hyperlink ref="E1172" r:id="rId1155" display="4649"/>
    <hyperlink ref="E1173" r:id="rId1156" display="1631"/>
    <hyperlink ref="E1174" r:id="rId1157" display="8698"/>
    <hyperlink ref="E1175" r:id="rId1158" display="7878"/>
    <hyperlink ref="E1176" r:id="rId1159" display="8678"/>
    <hyperlink ref="E1177" r:id="rId1160" display="9696"/>
    <hyperlink ref="E1178" r:id="rId1161" display="8360"/>
    <hyperlink ref="E1179" r:id="rId1162" display="5584"/>
    <hyperlink ref="E1180" r:id="rId1163" display="7591"/>
    <hyperlink ref="E1181" r:id="rId1164" display="1229"/>
    <hyperlink ref="E1182" r:id="rId1165" display="1384"/>
    <hyperlink ref="E1183" r:id="rId1166" display="3404"/>
    <hyperlink ref="E1184" r:id="rId1167" display="9695"/>
    <hyperlink ref="E1185" r:id="rId1168" display="5586"/>
    <hyperlink ref="E1186" r:id="rId1169" display="3989"/>
    <hyperlink ref="E1187" r:id="rId1170" display="1415"/>
    <hyperlink ref="E1188" r:id="rId1171" display="1270"/>
    <hyperlink ref="E1189" r:id="rId1172" display="962"/>
    <hyperlink ref="E1191" r:id="rId1173" display="893"/>
    <hyperlink ref="E1192" r:id="rId1174" display="894"/>
    <hyperlink ref="E1193" r:id="rId1175" display="5743"/>
    <hyperlink ref="E1194" r:id="rId1176" display="5742"/>
    <hyperlink ref="E1195" r:id="rId1177" display="4885"/>
    <hyperlink ref="E1196" r:id="rId1178" display="6200"/>
    <hyperlink ref="E1197" r:id="rId1179" display="3482"/>
    <hyperlink ref="E1198" r:id="rId1180" display="3879"/>
    <hyperlink ref="E1199" r:id="rId1181" display="6207"/>
    <hyperlink ref="E1200" r:id="rId1182" display="55"/>
    <hyperlink ref="E1201" r:id="rId1183" display="4213"/>
    <hyperlink ref="E1202" r:id="rId1184" display="4327"/>
    <hyperlink ref="E1203" r:id="rId1185" display="3894"/>
    <hyperlink ref="E1204" r:id="rId1186" display="3905"/>
    <hyperlink ref="E1205" r:id="rId1187" display="8352"/>
    <hyperlink ref="E1206" r:id="rId1188" display="3880"/>
    <hyperlink ref="E1207" r:id="rId1189" display="895"/>
    <hyperlink ref="E1208" r:id="rId1190" display="1612"/>
    <hyperlink ref="E1209" r:id="rId1191" display="3530"/>
    <hyperlink ref="E1210" r:id="rId1192" display="7626"/>
    <hyperlink ref="E1211" r:id="rId1193" display="7628"/>
    <hyperlink ref="E1212" r:id="rId1194" display="4120"/>
    <hyperlink ref="E1213" r:id="rId1195" display="7625"/>
    <hyperlink ref="E1214" r:id="rId1196" display="7627"/>
    <hyperlink ref="E1215" r:id="rId1197" display="6502"/>
    <hyperlink ref="E1216" r:id="rId1198" display="6924"/>
    <hyperlink ref="E1218" r:id="rId1199" display="896"/>
    <hyperlink ref="E1219" r:id="rId1200" display="3813"/>
    <hyperlink ref="E1220" r:id="rId1201" display="6119"/>
    <hyperlink ref="E1221" r:id="rId1202" display="3212"/>
    <hyperlink ref="E1222" r:id="rId1203" display="5778"/>
    <hyperlink ref="E1223" r:id="rId1204" display="4200"/>
    <hyperlink ref="E1224" r:id="rId1205" display="5415"/>
    <hyperlink ref="E1225" r:id="rId1206" display="3292"/>
    <hyperlink ref="E1226" r:id="rId1207" display="983"/>
    <hyperlink ref="E1227" r:id="rId1208" display="1347"/>
    <hyperlink ref="E1228" r:id="rId1209" display="5428"/>
    <hyperlink ref="E1229" r:id="rId1210" display="9510"/>
    <hyperlink ref="E1230" r:id="rId1211" display="4181"/>
    <hyperlink ref="E1231" r:id="rId1212" display="6265"/>
    <hyperlink ref="E1232" r:id="rId1213" display="4995"/>
    <hyperlink ref="E1234" r:id="rId1214" display="3902"/>
    <hyperlink ref="E1235" r:id="rId1215" display="5291"/>
    <hyperlink ref="E1236" r:id="rId1216" display="4421"/>
    <hyperlink ref="E1238" r:id="rId1217" display="5666"/>
    <hyperlink ref="E1239" r:id="rId1218" display="1181"/>
    <hyperlink ref="E1240" r:id="rId1219" display="3691"/>
    <hyperlink ref="E1241" r:id="rId1220" display="6273"/>
    <hyperlink ref="E1242" r:id="rId1221" display="98"/>
    <hyperlink ref="E1243" r:id="rId1222" display="96"/>
    <hyperlink ref="E1245" r:id="rId1223" display="936"/>
    <hyperlink ref="E1246" r:id="rId1224" display="3687"/>
    <hyperlink ref="E1248" r:id="rId1225" display="924"/>
    <hyperlink ref="E1249" r:id="rId1226" display="928"/>
    <hyperlink ref="E1250" r:id="rId1227" display="1244"/>
    <hyperlink ref="E1251" r:id="rId1228" display="8685"/>
    <hyperlink ref="E1252" r:id="rId1229" display="8684"/>
    <hyperlink ref="E1253" r:id="rId1230" display="3054"/>
    <hyperlink ref="E1254" r:id="rId1231" display="3254"/>
    <hyperlink ref="E1255" r:id="rId1232" display="3253"/>
    <hyperlink ref="E1256" r:id="rId1233" display="1233"/>
    <hyperlink ref="E1257" r:id="rId1234" display="1449"/>
    <hyperlink ref="E1258" r:id="rId1235" display="3805"/>
    <hyperlink ref="E1259" r:id="rId1236" display="919"/>
    <hyperlink ref="E1260" r:id="rId1237" display="6530"/>
    <hyperlink ref="E1261" r:id="rId1238" display="6517"/>
    <hyperlink ref="E1262" r:id="rId1239" display="6518"/>
    <hyperlink ref="E1263" r:id="rId1240" display="6520"/>
    <hyperlink ref="E1264" r:id="rId1241" display="6623"/>
    <hyperlink ref="E1265" r:id="rId1242" display="3808"/>
    <hyperlink ref="E1266" r:id="rId1243" display="3807"/>
    <hyperlink ref="E1267" r:id="rId1244" display="6516"/>
    <hyperlink ref="E1268" r:id="rId1245" display="6510"/>
    <hyperlink ref="E1269" r:id="rId1246" display="6666"/>
    <hyperlink ref="E1271" r:id="rId1247" display="7026"/>
    <hyperlink ref="E1272" r:id="rId1248" display="1496"/>
    <hyperlink ref="E1273" r:id="rId1249" display="4095"/>
    <hyperlink ref="E1274" r:id="rId1250" display="1723"/>
    <hyperlink ref="E1275" r:id="rId1251" display="1238"/>
    <hyperlink ref="E1276" r:id="rId1252" display="4236"/>
    <hyperlink ref="E1277" r:id="rId1253" display="7795"/>
    <hyperlink ref="E1278" r:id="rId1254" display="7794"/>
    <hyperlink ref="E1279" r:id="rId1255" display="8761"/>
    <hyperlink ref="E1280" r:id="rId1256" display="7891"/>
    <hyperlink ref="E1281" r:id="rId1257" display="8759"/>
    <hyperlink ref="E1282" r:id="rId1258" display="8760"/>
    <hyperlink ref="E1283" r:id="rId1259" display="4648"/>
    <hyperlink ref="E1284" r:id="rId1260" display="7901"/>
    <hyperlink ref="E1285" r:id="rId1261" display="8720"/>
    <hyperlink ref="E1286" r:id="rId1262" display="4126"/>
    <hyperlink ref="E1287" r:id="rId1263" display="4284"/>
    <hyperlink ref="E1288" r:id="rId1264" display="4173"/>
    <hyperlink ref="E1289" r:id="rId1265" display="3848"/>
    <hyperlink ref="E1290" r:id="rId1266" display="5265"/>
    <hyperlink ref="E1291" r:id="rId1267" display="8203"/>
    <hyperlink ref="E1292" r:id="rId1268" display="5211"/>
    <hyperlink ref="E1293" r:id="rId1269" display="7024"/>
    <hyperlink ref="E1294" r:id="rId1270" display="7023"/>
    <hyperlink ref="E1295" r:id="rId1271" display="7551"/>
    <hyperlink ref="E1296" r:id="rId1272" display="7020"/>
    <hyperlink ref="E1297" r:id="rId1273" display="7022"/>
    <hyperlink ref="E1298" r:id="rId1274" display="7550"/>
    <hyperlink ref="E1299" r:id="rId1275" display="7021"/>
    <hyperlink ref="E1300" r:id="rId1276" display="7015"/>
    <hyperlink ref="E1301" r:id="rId1277" display="7018"/>
    <hyperlink ref="E1302" r:id="rId1278" display="7016"/>
    <hyperlink ref="E1303" r:id="rId1279" display="7017"/>
    <hyperlink ref="E1304" r:id="rId1280" display="5407"/>
    <hyperlink ref="E1305" r:id="rId1281" display="8204"/>
    <hyperlink ref="E1306" r:id="rId1282" display="8201"/>
    <hyperlink ref="E1307" r:id="rId1283" display="8202"/>
    <hyperlink ref="E1308" r:id="rId1284" display="8205"/>
    <hyperlink ref="E1309" r:id="rId1285" display="8206"/>
    <hyperlink ref="E1310" r:id="rId1286" display="8918"/>
    <hyperlink ref="E1311" r:id="rId1287" display="4705"/>
    <hyperlink ref="E1312" r:id="rId1288" display="8852"/>
    <hyperlink ref="E1313" r:id="rId1289" display="7097"/>
    <hyperlink ref="E1314" r:id="rId1290" display="7866"/>
    <hyperlink ref="E1315" r:id="rId1291" display="7867"/>
    <hyperlink ref="E1316" r:id="rId1292" display="3184"/>
    <hyperlink ref="E1317" r:id="rId1293" display="5406"/>
    <hyperlink ref="E1318" r:id="rId1294" display="5409"/>
    <hyperlink ref="E1319" r:id="rId1295" display="5505"/>
    <hyperlink ref="E1320" r:id="rId1296" display="6002"/>
    <hyperlink ref="E1321" r:id="rId1297" display="5207"/>
    <hyperlink ref="E1322" r:id="rId1298" display="7857"/>
    <hyperlink ref="E1323" r:id="rId1299" display="6128"/>
    <hyperlink ref="E1324" r:id="rId1300" display="1710"/>
    <hyperlink ref="E1325" r:id="rId1301" display="8087"/>
    <hyperlink ref="E1326" r:id="rId1302" display="3383"/>
    <hyperlink ref="E1327" r:id="rId1303" display="3518"/>
    <hyperlink ref="E1328" r:id="rId1304" display="4845"/>
    <hyperlink ref="E1329" r:id="rId1305" display="6124"/>
    <hyperlink ref="E1330" r:id="rId1306" display="7096"/>
    <hyperlink ref="E1331" r:id="rId1307" display="4400"/>
    <hyperlink ref="E1332" r:id="rId1308" display="5411"/>
    <hyperlink ref="E1333" r:id="rId1309" display="3692"/>
    <hyperlink ref="E1334" r:id="rId1310" display="6787"/>
    <hyperlink ref="E1335" r:id="rId1311" display="4844"/>
    <hyperlink ref="E1336" r:id="rId1312" display="1316"/>
    <hyperlink ref="E1337" r:id="rId1313" display="1717"/>
    <hyperlink ref="E1338" r:id="rId1314" display="5174"/>
    <hyperlink ref="E1339" r:id="rId1315" display="5175"/>
    <hyperlink ref="E1340" r:id="rId1316" display="1563"/>
    <hyperlink ref="E1341" r:id="rId1317" display="5172"/>
    <hyperlink ref="E1342" r:id="rId1318" display="1466"/>
    <hyperlink ref="E1343" r:id="rId1319" display="5171"/>
    <hyperlink ref="E1344" r:id="rId1320" display="4082"/>
    <hyperlink ref="E1345" r:id="rId1321" display="4412"/>
    <hyperlink ref="E1346" r:id="rId1322" display="3223"/>
    <hyperlink ref="E1347" r:id="rId1323" display="8917"/>
    <hyperlink ref="E1348" r:id="rId1324" display="5581"/>
    <hyperlink ref="E1349" r:id="rId1325" display="1416"/>
    <hyperlink ref="E1350" r:id="rId1326" display="1458"/>
    <hyperlink ref="E1351" r:id="rId1327" display="5307"/>
    <hyperlink ref="E1352" r:id="rId1328" display="3571"/>
    <hyperlink ref="E1353" r:id="rId1329" display="4540"/>
    <hyperlink ref="E1354" r:id="rId1330" display="1731"/>
    <hyperlink ref="E1355" r:id="rId1331" display="1758"/>
    <hyperlink ref="E1356" r:id="rId1332" display="1732"/>
    <hyperlink ref="E1357" r:id="rId1333" display="6869"/>
    <hyperlink ref="E1358" r:id="rId1334" display="5305"/>
    <hyperlink ref="E1359" r:id="rId1335" display="5728"/>
    <hyperlink ref="E1360" r:id="rId1336" display="3738"/>
    <hyperlink ref="E1361" r:id="rId1337" display="6896"/>
    <hyperlink ref="E1362" r:id="rId1338" display="6927"/>
    <hyperlink ref="E1363" r:id="rId1339" display="6928"/>
    <hyperlink ref="E1364" r:id="rId1340" display="9693"/>
    <hyperlink ref="E1365" r:id="rId1341" display="7062"/>
    <hyperlink ref="E1366" r:id="rId1342" display="7089"/>
    <hyperlink ref="E1367" r:id="rId1343" display="8283"/>
    <hyperlink ref="E1368" r:id="rId1344" display="8919"/>
    <hyperlink ref="E1369" r:id="rId1345" display="3121"/>
    <hyperlink ref="E1370" r:id="rId1346" display="7864"/>
    <hyperlink ref="E1371" r:id="rId1347" display="8712"/>
    <hyperlink ref="E1372" r:id="rId1348" display="7902"/>
    <hyperlink ref="E1373" r:id="rId1349" display="5898"/>
    <hyperlink ref="E1374" r:id="rId1350" display="5815"/>
    <hyperlink ref="E1375" r:id="rId1351" display="4202"/>
    <hyperlink ref="E1376" r:id="rId1352" display="4704"/>
    <hyperlink ref="E1377" r:id="rId1353" display="4702"/>
    <hyperlink ref="E1378" r:id="rId1354" display="1520"/>
    <hyperlink ref="E1379" r:id="rId1355" display="4600"/>
    <hyperlink ref="E1380" r:id="rId1356" display="1223"/>
    <hyperlink ref="E1381" r:id="rId1357" display="1460"/>
    <hyperlink ref="E1382" r:id="rId1358" display="5104"/>
    <hyperlink ref="E1383" r:id="rId1359" display="4796"/>
    <hyperlink ref="E1384" r:id="rId1360" display="4697"/>
    <hyperlink ref="E1385" r:id="rId1361" display="10130"/>
    <hyperlink ref="E1386" r:id="rId1362" display="4703"/>
    <hyperlink ref="E1387" r:id="rId1363" display="4322"/>
    <hyperlink ref="E1388" r:id="rId1364" display="6904"/>
    <hyperlink ref="E1389" r:id="rId1365" display="8191"/>
    <hyperlink ref="E1390" r:id="rId1366" display="4338"/>
    <hyperlink ref="E1391" r:id="rId1367" display="4343"/>
    <hyperlink ref="E1392" r:id="rId1368" display="3397"/>
    <hyperlink ref="E1393" r:id="rId1369" display="6532"/>
    <hyperlink ref="E1394" r:id="rId1370" display="4369"/>
    <hyperlink ref="E1395" r:id="rId1371" display="1497"/>
    <hyperlink ref="E1396" r:id="rId1372" display="3967"/>
    <hyperlink ref="E1397" r:id="rId1373" display="1266"/>
    <hyperlink ref="E1398" r:id="rId1374" display="1654"/>
    <hyperlink ref="E1399" r:id="rId1375" display="5002"/>
    <hyperlink ref="E1400" r:id="rId1376" display="4906"/>
    <hyperlink ref="E1401" r:id="rId1377" display="5051"/>
    <hyperlink ref="E1402" r:id="rId1378" display="4835"/>
    <hyperlink ref="E1403" r:id="rId1379" display="4951"/>
    <hyperlink ref="E1404" r:id="rId1380" display="6534"/>
    <hyperlink ref="E1405" r:id="rId1381" display="8703"/>
    <hyperlink ref="E1406" r:id="rId1382" display="1498"/>
    <hyperlink ref="E1407" r:id="rId1383" display="4397"/>
    <hyperlink ref="E1408" r:id="rId1384" display="6512"/>
    <hyperlink ref="E1409" r:id="rId1385" display="1203"/>
    <hyperlink ref="E1410" r:id="rId1386" display="6006"/>
    <hyperlink ref="E1411" r:id="rId1387" display="1200"/>
    <hyperlink ref="E1412" r:id="rId1388" display="5369"/>
    <hyperlink ref="E1413" r:id="rId1389" display="6511"/>
    <hyperlink ref="E1414" r:id="rId1390" display="3982"/>
    <hyperlink ref="E1415" r:id="rId1391" display="5997"/>
    <hyperlink ref="E1416" r:id="rId1392" display="6624"/>
    <hyperlink ref="E1417" r:id="rId1393" display="4332"/>
    <hyperlink ref="E1418" r:id="rId1394" display="8097"/>
    <hyperlink ref="E1419" r:id="rId1395" display="6529"/>
    <hyperlink ref="E1420" r:id="rId1396" display="6528"/>
    <hyperlink ref="E1421" r:id="rId1397" display="4353"/>
    <hyperlink ref="E1422" r:id="rId1398" display="1184"/>
    <hyperlink ref="E1423" r:id="rId1399" display="1268"/>
    <hyperlink ref="E1424" r:id="rId1400" display="6003"/>
    <hyperlink ref="E1425" r:id="rId1401" display="6519"/>
    <hyperlink ref="E1426" r:id="rId1402" display="5998"/>
    <hyperlink ref="E1427" r:id="rId1403" display="8442"/>
    <hyperlink ref="E1428" r:id="rId1404" display="3282"/>
    <hyperlink ref="E1429" r:id="rId1405" display="6001"/>
    <hyperlink ref="E1430" r:id="rId1406" display="3180"/>
    <hyperlink ref="E1431" r:id="rId1407" display="4670"/>
    <hyperlink ref="E1432" r:id="rId1408" display="4334"/>
    <hyperlink ref="E1433" r:id="rId1409" display="8441"/>
    <hyperlink ref="E1434" r:id="rId1410" display="5878"/>
    <hyperlink ref="E1435" r:id="rId1411" display="3181"/>
    <hyperlink ref="E1437" r:id="rId1412" display="7122"/>
    <hyperlink ref="E1438" r:id="rId1413" display="10144"/>
    <hyperlink ref="E1439" r:id="rId1414" display="7115"/>
    <hyperlink ref="E1440" r:id="rId1415" display="7513"/>
    <hyperlink ref="E1441" r:id="rId1416" display="10145"/>
    <hyperlink ref="E1442" r:id="rId1417" display="10174"/>
    <hyperlink ref="E1443" r:id="rId1418" display="7116"/>
    <hyperlink ref="E1444" r:id="rId1419" display="10146"/>
    <hyperlink ref="E1445" r:id="rId1420" display="10133"/>
    <hyperlink ref="E1446" r:id="rId1421" display="10147"/>
    <hyperlink ref="E1447" r:id="rId1422" display="9279"/>
    <hyperlink ref="E1448" r:id="rId1423" display="10206"/>
    <hyperlink ref="E1449" r:id="rId1424" display="10134"/>
    <hyperlink ref="E1450" r:id="rId1425" display="10269"/>
    <hyperlink ref="E1451" r:id="rId1426" display="7153"/>
    <hyperlink ref="E1452" r:id="rId1427" display="10148"/>
    <hyperlink ref="E1453" r:id="rId1428" display="10229"/>
    <hyperlink ref="E1454" r:id="rId1429" display="9379"/>
    <hyperlink ref="E1455" r:id="rId1430" display="10207"/>
    <hyperlink ref="E1456" r:id="rId1431" display="9381"/>
    <hyperlink ref="E1457" r:id="rId1432" display="9662"/>
    <hyperlink ref="E1458" r:id="rId1433" display="9380"/>
    <hyperlink ref="E1459" r:id="rId1434" display="9661"/>
    <hyperlink ref="E1460" r:id="rId1435" display="7119"/>
    <hyperlink ref="E1461" r:id="rId1436" display="9280"/>
    <hyperlink ref="E1462" r:id="rId1437" display="7120"/>
    <hyperlink ref="E1463" r:id="rId1438" display="7196"/>
    <hyperlink ref="E1464" r:id="rId1439" display="9549"/>
    <hyperlink ref="E1465" r:id="rId1440" display="9868"/>
    <hyperlink ref="E1466" r:id="rId1441" display="9526"/>
    <hyperlink ref="E1467" r:id="rId1442" display="9527"/>
    <hyperlink ref="E1468" r:id="rId1443" display="9550"/>
    <hyperlink ref="E1469" r:id="rId1444" display="9551"/>
    <hyperlink ref="E1470" r:id="rId1445" display="732"/>
    <hyperlink ref="E1471" r:id="rId1446" display="734"/>
    <hyperlink ref="E1472" r:id="rId1447" display="740"/>
    <hyperlink ref="E1473" r:id="rId1448" display="735"/>
    <hyperlink ref="E1474" r:id="rId1449" display="736"/>
    <hyperlink ref="E1475" r:id="rId1450" display="737"/>
    <hyperlink ref="E1476" r:id="rId1451" display="3499"/>
    <hyperlink ref="E1477" r:id="rId1452" display="8605"/>
    <hyperlink ref="E1478" r:id="rId1453" display="8687"/>
    <hyperlink ref="E1479" r:id="rId1454" display="744"/>
    <hyperlink ref="E1480" r:id="rId1455" display="3498"/>
    <hyperlink ref="E1481" r:id="rId1456" display="733"/>
    <hyperlink ref="E1482" r:id="rId1457" display="4792"/>
    <hyperlink ref="E1483" r:id="rId1458" display="7178"/>
    <hyperlink ref="E1484" r:id="rId1459" display="7944"/>
    <hyperlink ref="E1485" r:id="rId1460" display="7992"/>
    <hyperlink ref="E1486" r:id="rId1461" display="3361"/>
    <hyperlink ref="E1487" r:id="rId1462" display="5527"/>
    <hyperlink ref="E1488" r:id="rId1463" display="5986"/>
    <hyperlink ref="E1489" r:id="rId1464" display="5741"/>
    <hyperlink ref="E1490" r:id="rId1465" display="5528"/>
    <hyperlink ref="E1491" r:id="rId1466" display="5529"/>
    <hyperlink ref="E1492" r:id="rId1467" display="5532"/>
    <hyperlink ref="E1493" r:id="rId1468" display="5533"/>
    <hyperlink ref="E1494" r:id="rId1469" display="5531"/>
    <hyperlink ref="E1495" r:id="rId1470" display="7154"/>
    <hyperlink ref="E1496" r:id="rId1471" display="5230"/>
    <hyperlink ref="E1497" r:id="rId1472" display="6023"/>
    <hyperlink ref="E1498" r:id="rId1473" display="6228"/>
    <hyperlink ref="E1500" r:id="rId1474" display="7680"/>
    <hyperlink ref="E1501" r:id="rId1475" display="7531"/>
    <hyperlink ref="E1502" r:id="rId1476" display="7534"/>
    <hyperlink ref="E1503" r:id="rId1477" display="7535"/>
    <hyperlink ref="E1504" r:id="rId1478" display="9100"/>
    <hyperlink ref="E1505" r:id="rId1479" display="7536"/>
    <hyperlink ref="E1506" r:id="rId1480" display="7532"/>
    <hyperlink ref="E1507" r:id="rId1481" display="3011"/>
    <hyperlink ref="E1508" r:id="rId1482" display="1649"/>
    <hyperlink ref="E1509" r:id="rId1483" display="7575"/>
    <hyperlink ref="E1510" r:id="rId1484" display="7862"/>
    <hyperlink ref="E1511" r:id="rId1485" display="9075"/>
    <hyperlink ref="E1512" r:id="rId1486" display="9076"/>
    <hyperlink ref="E1513" r:id="rId1487" display="7568"/>
    <hyperlink ref="E1514" r:id="rId1488" display="7569"/>
    <hyperlink ref="E1515" r:id="rId1489" display="7572"/>
    <hyperlink ref="E1516" r:id="rId1490" display="7573"/>
    <hyperlink ref="E1517" r:id="rId1491" display="9070"/>
    <hyperlink ref="E1518" r:id="rId1492" display="5812"/>
    <hyperlink ref="E1519" r:id="rId1493" display="7678"/>
    <hyperlink ref="E1520" r:id="rId1494" display="7576"/>
    <hyperlink ref="E1521" r:id="rId1495" display="7574"/>
    <hyperlink ref="E1522" r:id="rId1496" display="10209"/>
    <hyperlink ref="E1523" r:id="rId1497" display="9088"/>
    <hyperlink ref="E1524" r:id="rId1498" display="10210"/>
    <hyperlink ref="E1525" r:id="rId1499" display="9083"/>
    <hyperlink ref="E1526" r:id="rId1500" display="9086"/>
    <hyperlink ref="E1527" r:id="rId1501" display="9087"/>
    <hyperlink ref="E1528" r:id="rId1502" display="7861"/>
    <hyperlink ref="E1529" r:id="rId1503" display="9084"/>
    <hyperlink ref="E1530" r:id="rId1504" display="10208"/>
    <hyperlink ref="E1531" r:id="rId1505" display="9085"/>
    <hyperlink ref="E1532" r:id="rId1506" display="9479"/>
    <hyperlink ref="E1534" r:id="rId1507" display="10183"/>
    <hyperlink ref="E1535" r:id="rId1508" display="7343"/>
    <hyperlink ref="E1536" r:id="rId1509" display="10101"/>
    <hyperlink ref="E1537" r:id="rId1510" display="7344"/>
    <hyperlink ref="E1538" r:id="rId1511" display="10192"/>
    <hyperlink ref="E1539" r:id="rId1512" display="7345"/>
    <hyperlink ref="E1540" r:id="rId1513" display="8612"/>
    <hyperlink ref="E1541" r:id="rId1514" display="7346"/>
    <hyperlink ref="E1542" r:id="rId1515" display="10100"/>
    <hyperlink ref="E1543" r:id="rId1516" display="10091"/>
    <hyperlink ref="E1544" r:id="rId1517" display="8180"/>
    <hyperlink ref="E1545" r:id="rId1518" display="7347"/>
    <hyperlink ref="E1546" r:id="rId1519" display="10090"/>
    <hyperlink ref="E1547" r:id="rId1520" display="6314"/>
    <hyperlink ref="E1548" r:id="rId1521" display="10113"/>
    <hyperlink ref="E1549" r:id="rId1522" display="10097"/>
    <hyperlink ref="E1550" r:id="rId1523" display="6102"/>
    <hyperlink ref="E1551" r:id="rId1524" display="6103"/>
    <hyperlink ref="E1552" r:id="rId1525" display="7595"/>
    <hyperlink ref="E1553" r:id="rId1526" display="7594"/>
    <hyperlink ref="E1554" r:id="rId1527" display="7205"/>
    <hyperlink ref="E1555" r:id="rId1528" display="7555"/>
    <hyperlink ref="E1556" r:id="rId1529" display="8175"/>
    <hyperlink ref="E1557" r:id="rId1530" display="10096"/>
    <hyperlink ref="E1558" r:id="rId1531" display="9723"/>
    <hyperlink ref="E1559" r:id="rId1532" display="7481"/>
    <hyperlink ref="E1560" r:id="rId1533" display="7562"/>
    <hyperlink ref="E1561" r:id="rId1534" display="7563"/>
    <hyperlink ref="E1562" r:id="rId1535" display="9592"/>
    <hyperlink ref="E1563" r:id="rId1536" display="10237"/>
    <hyperlink ref="E1564" r:id="rId1537" display="10238"/>
    <hyperlink ref="E1565" r:id="rId1538" display="7093"/>
    <hyperlink ref="E1566" r:id="rId1539" display="8176"/>
    <hyperlink ref="E1567" r:id="rId1540" display="9724"/>
    <hyperlink ref="E1568" r:id="rId1541" display="7597"/>
    <hyperlink ref="E1569" r:id="rId1542" display="6252"/>
    <hyperlink ref="E1570" r:id="rId1543" display="9682"/>
    <hyperlink ref="E1571" r:id="rId1544" display="8184"/>
    <hyperlink ref="E1572" r:id="rId1545" display="9804"/>
    <hyperlink ref="E1573" r:id="rId1546" display="10245"/>
    <hyperlink ref="E1574" r:id="rId1547" display="9683"/>
    <hyperlink ref="E1575" r:id="rId1548" display="7564"/>
    <hyperlink ref="E1576" r:id="rId1549" display="4615"/>
    <hyperlink ref="E1577" r:id="rId1550" display="6631"/>
    <hyperlink ref="E1578" r:id="rId1551" display="8359"/>
    <hyperlink ref="E1579" r:id="rId1552" display="8347"/>
    <hyperlink ref="E1580" r:id="rId1553" display="8702"/>
    <hyperlink ref="E1582" r:id="rId1554" display="9329"/>
    <hyperlink ref="E1583" r:id="rId1555" display="1165"/>
    <hyperlink ref="E1584" r:id="rId1556" display="4516"/>
    <hyperlink ref="E1586" r:id="rId1557" display="3048"/>
    <hyperlink ref="E1588" r:id="rId1558" display="7073"/>
    <hyperlink ref="E1589" r:id="rId1559" display="7072"/>
    <hyperlink ref="E1590" r:id="rId1560" display="6941"/>
    <hyperlink ref="E1591" r:id="rId1561" display="6940"/>
    <hyperlink ref="E1592" r:id="rId1562" display="9688"/>
    <hyperlink ref="E1593" r:id="rId1563" display="6957"/>
    <hyperlink ref="E1594" r:id="rId1564" display="6936"/>
    <hyperlink ref="E1595" r:id="rId1565" display="6937"/>
    <hyperlink ref="E1596" r:id="rId1566" display="7448"/>
    <hyperlink ref="E1597" r:id="rId1567" display="6947"/>
    <hyperlink ref="E1598" r:id="rId1568" display="6945"/>
    <hyperlink ref="E1599" r:id="rId1569" display="6939"/>
    <hyperlink ref="E1600" r:id="rId1570" display="6946"/>
    <hyperlink ref="E1601" r:id="rId1571" display="6951"/>
    <hyperlink ref="E1602" r:id="rId1572" display="6943"/>
    <hyperlink ref="E1603" r:id="rId1573" display="6944"/>
    <hyperlink ref="E1604" r:id="rId1574" display="7071"/>
    <hyperlink ref="E1606" r:id="rId1575" display="3033"/>
    <hyperlink ref="E1607" r:id="rId1576" display="8208"/>
    <hyperlink ref="E1608" r:id="rId1577" display="8562"/>
    <hyperlink ref="E1609" r:id="rId1578" display="8561"/>
    <hyperlink ref="E1610" r:id="rId1579" display="8335"/>
    <hyperlink ref="E1611" r:id="rId1580" display="8454"/>
    <hyperlink ref="E1612" r:id="rId1581" display="7776"/>
    <hyperlink ref="E1613" r:id="rId1582" display="8559"/>
    <hyperlink ref="E1614" r:id="rId1583" display="8414"/>
    <hyperlink ref="E1615" r:id="rId1584" display="8556"/>
    <hyperlink ref="E1616" r:id="rId1585" display="8415"/>
    <hyperlink ref="E1617" r:id="rId1586" display="8557"/>
    <hyperlink ref="E1618" r:id="rId1587" display="8157"/>
    <hyperlink ref="E1619" r:id="rId1588" display="8148"/>
    <hyperlink ref="E1620" r:id="rId1589" display="7777"/>
    <hyperlink ref="E1621" r:id="rId1590" display="7778"/>
    <hyperlink ref="E1622" r:id="rId1591" display="8452"/>
    <hyperlink ref="E1623" r:id="rId1592" display="8217"/>
    <hyperlink ref="E1624" r:id="rId1593" display="8234"/>
    <hyperlink ref="E1625" r:id="rId1594" display="8188"/>
    <hyperlink ref="E1626" r:id="rId1595" display="8235"/>
    <hyperlink ref="E1627" r:id="rId1596" display="4345"/>
    <hyperlink ref="E1628" r:id="rId1597" display="8567"/>
    <hyperlink ref="E1629" r:id="rId1598" display="8565"/>
    <hyperlink ref="E1630" r:id="rId1599" display="8416"/>
    <hyperlink ref="E1631" r:id="rId1600" display="8174"/>
    <hyperlink ref="E1632" r:id="rId1601" display="8038"/>
    <hyperlink ref="E1633" r:id="rId1602" display="8233"/>
    <hyperlink ref="E1634" r:id="rId1603" display="8572"/>
    <hyperlink ref="E1635" r:id="rId1604" display="9908"/>
    <hyperlink ref="E1636" r:id="rId1605" display="7004"/>
    <hyperlink ref="E1637" r:id="rId1606" display="7350"/>
    <hyperlink ref="E1638" r:id="rId1607" display="6576"/>
    <hyperlink ref="E1639" r:id="rId1608" display="6573"/>
    <hyperlink ref="E1640" r:id="rId1609" display="6584"/>
    <hyperlink ref="E1641" r:id="rId1610" display="6582"/>
    <hyperlink ref="E1642" r:id="rId1611" display="7353"/>
    <hyperlink ref="E1643" r:id="rId1612" display="5328"/>
    <hyperlink ref="E1644" r:id="rId1613" display="9267"/>
    <hyperlink ref="E1645" r:id="rId1614" display="6211"/>
    <hyperlink ref="E1646" r:id="rId1615" display="6581"/>
    <hyperlink ref="E1647" r:id="rId1616" display="767"/>
    <hyperlink ref="E1648" r:id="rId1617" display="772"/>
    <hyperlink ref="E1649" r:id="rId1618" display="7352"/>
    <hyperlink ref="E1650" r:id="rId1619" display="8146"/>
    <hyperlink ref="E1651" r:id="rId1620" display="6583"/>
    <hyperlink ref="E1652" r:id="rId1621" display="8327"/>
    <hyperlink ref="E1653" r:id="rId1622" display="5991"/>
    <hyperlink ref="E1654" r:id="rId1623" display="8838"/>
    <hyperlink ref="E1655" r:id="rId1624" display="3733"/>
    <hyperlink ref="E1656" r:id="rId1625" display="5992"/>
    <hyperlink ref="E1657" r:id="rId1626" display="4966"/>
    <hyperlink ref="E1658" r:id="rId1627" display="4191"/>
    <hyperlink ref="E1659" r:id="rId1628" display="769"/>
    <hyperlink ref="E1660" r:id="rId1629" display="7213"/>
    <hyperlink ref="E1661" r:id="rId1630" display="5993"/>
    <hyperlink ref="E1662" r:id="rId1631" display="1546"/>
    <hyperlink ref="E1663" r:id="rId1632" display="4914"/>
    <hyperlink ref="E1664" r:id="rId1633" display="6579"/>
    <hyperlink ref="E1665" r:id="rId1634" display="3732"/>
    <hyperlink ref="E1666" r:id="rId1635" display="4683"/>
    <hyperlink ref="E1667" r:id="rId1636" display="7444"/>
    <hyperlink ref="E1668" r:id="rId1637" display="3230"/>
    <hyperlink ref="E1669" r:id="rId1638" display="10212"/>
    <hyperlink ref="E1670" r:id="rId1639" display="7381"/>
    <hyperlink ref="E1671" r:id="rId1640" display="10216"/>
    <hyperlink ref="E1672" r:id="rId1641" display="5995"/>
    <hyperlink ref="E1673" r:id="rId1642" display="8676"/>
    <hyperlink ref="E1674" r:id="rId1643" display="4962"/>
    <hyperlink ref="E1675" r:id="rId1644" display="7078"/>
    <hyperlink ref="E1676" r:id="rId1645" display="8538"/>
    <hyperlink ref="E1677" r:id="rId1646" display="6852"/>
    <hyperlink ref="E1678" r:id="rId1647" display="7445"/>
    <hyperlink ref="E1679" r:id="rId1648" display="6851"/>
    <hyperlink ref="E1680" r:id="rId1649" display="7446"/>
    <hyperlink ref="E1681" r:id="rId1650" display="6656"/>
    <hyperlink ref="E1682" r:id="rId1651" display="6657"/>
    <hyperlink ref="E1683" r:id="rId1652" display="768"/>
    <hyperlink ref="E1684" r:id="rId1653" display="5990"/>
    <hyperlink ref="E1685" r:id="rId1654" display="10213"/>
    <hyperlink ref="E1686" r:id="rId1655" display="4192"/>
    <hyperlink ref="E1687" r:id="rId1656" display="10217"/>
    <hyperlink ref="E1688" r:id="rId1657" display="8539"/>
    <hyperlink ref="E1689" r:id="rId1658" display="3164"/>
    <hyperlink ref="E1690" r:id="rId1659" display="771"/>
    <hyperlink ref="E1691" r:id="rId1660" display="7007"/>
    <hyperlink ref="E1692" r:id="rId1661" display="10220"/>
    <hyperlink ref="E1693" r:id="rId1662" display="3273"/>
    <hyperlink ref="E1694" r:id="rId1663" display="1176"/>
    <hyperlink ref="E1695" r:id="rId1664" display="4916"/>
    <hyperlink ref="E1696" r:id="rId1665" display="5858"/>
    <hyperlink ref="E1697" r:id="rId1666" display="6570"/>
    <hyperlink ref="E1698" r:id="rId1667" display="7447"/>
    <hyperlink ref="E1699" r:id="rId1668" display="5100"/>
    <hyperlink ref="E1700" r:id="rId1669" display="770"/>
    <hyperlink ref="E1701" r:id="rId1670" display="10214"/>
    <hyperlink ref="E1702" r:id="rId1671" display="4193"/>
    <hyperlink ref="E1703" r:id="rId1672" display="6209"/>
    <hyperlink ref="E1704" r:id="rId1673" display="766"/>
    <hyperlink ref="E1705" r:id="rId1674" display="7382"/>
    <hyperlink ref="E1706" r:id="rId1675" display="5161"/>
    <hyperlink ref="E1707" r:id="rId1676" display="10218"/>
    <hyperlink ref="E1708" r:id="rId1677" display="5994"/>
    <hyperlink ref="E1709" r:id="rId1678" display="6193"/>
    <hyperlink ref="E1710" r:id="rId1679" display="6192"/>
    <hyperlink ref="E1711" r:id="rId1680" display="9136"/>
    <hyperlink ref="E1712" r:id="rId1681" display="8194"/>
    <hyperlink ref="E1713" r:id="rId1682" display="10276"/>
    <hyperlink ref="E1714" r:id="rId1683" display="4964"/>
    <hyperlink ref="E1715" r:id="rId1684" display="4963"/>
    <hyperlink ref="E1716" r:id="rId1685" display="10215"/>
    <hyperlink ref="E1717" r:id="rId1686" display="3731"/>
    <hyperlink ref="E1718" r:id="rId1687" display="5615"/>
    <hyperlink ref="E1719" r:id="rId1688" display="9134"/>
    <hyperlink ref="E1720" r:id="rId1689" display="4957"/>
    <hyperlink ref="E1721" r:id="rId1690" display="10219"/>
    <hyperlink ref="E1722" r:id="rId1691" display="6210"/>
    <hyperlink ref="E1723" r:id="rId1692" display="7006"/>
    <hyperlink ref="E1724" r:id="rId1693" display="10272"/>
    <hyperlink ref="E1725" r:id="rId1694" display="4263"/>
    <hyperlink ref="E1726" r:id="rId1695" display="9511"/>
    <hyperlink ref="E1727" r:id="rId1696" display="4264"/>
    <hyperlink ref="E1728" r:id="rId1697" display="5616"/>
    <hyperlink ref="E1729" r:id="rId1698" display="6571"/>
    <hyperlink ref="E1730" r:id="rId1699" display="7482"/>
    <hyperlink ref="E1731" r:id="rId1700" display="8193"/>
    <hyperlink ref="E1732" r:id="rId1701" display="4960"/>
    <hyperlink ref="E1733" r:id="rId1702" display="10341"/>
    <hyperlink ref="E1734" r:id="rId1703" display="1770"/>
    <hyperlink ref="E1735" r:id="rId1704" display="6540"/>
    <hyperlink ref="E1736" r:id="rId1705" display="6539"/>
    <hyperlink ref="E1737" r:id="rId1706" display="7009"/>
    <hyperlink ref="E1738" r:id="rId1707" display="6574"/>
    <hyperlink ref="E1739" r:id="rId1708" display="7702"/>
    <hyperlink ref="E1740" r:id="rId1709" display="940"/>
    <hyperlink ref="E1741" r:id="rId1710" display="6249"/>
    <hyperlink ref="E1742" r:id="rId1711" display="10241"/>
    <hyperlink ref="E1743" r:id="rId1712" display="8947"/>
    <hyperlink ref="E1744" r:id="rId1713" display="5996"/>
    <hyperlink ref="E1745" r:id="rId1714" display="10221"/>
    <hyperlink ref="E1746" r:id="rId1715" display="5945"/>
    <hyperlink ref="E1747" r:id="rId1716" display="5715"/>
    <hyperlink ref="E1748" r:id="rId1717" display="10222"/>
    <hyperlink ref="E1749" r:id="rId1718" display="10223"/>
    <hyperlink ref="E1750" r:id="rId1719" display="5989"/>
    <hyperlink ref="E1751" r:id="rId1720" display="10224"/>
    <hyperlink ref="E1752" r:id="rId1721" display="9531"/>
    <hyperlink ref="E1753" r:id="rId1722" display="10292"/>
    <hyperlink ref="E1754" r:id="rId1723" display="7003"/>
    <hyperlink ref="E1755" r:id="rId1724" display="4959"/>
    <hyperlink ref="E1756" r:id="rId1725" display="5617"/>
    <hyperlink ref="E1757" r:id="rId1726" display="9636"/>
    <hyperlink ref="E1758" r:id="rId1727" display="5713"/>
    <hyperlink ref="E1759" r:id="rId1728" display="5714"/>
    <hyperlink ref="E1760" r:id="rId1729" display="7609"/>
    <hyperlink ref="E1761" r:id="rId1730" display="10225"/>
    <hyperlink ref="E1762" r:id="rId1731" display="9686"/>
    <hyperlink ref="E1763" r:id="rId1732" display="7320"/>
    <hyperlink ref="E1764" r:id="rId1733" display="10226"/>
    <hyperlink ref="E1765" r:id="rId1734" display="5159"/>
    <hyperlink ref="E1766" r:id="rId1735" display="9351"/>
    <hyperlink ref="E1767" r:id="rId1736" display="9596"/>
    <hyperlink ref="E1768" r:id="rId1737" display="10240"/>
    <hyperlink ref="E1769" r:id="rId1738" display="7704"/>
    <hyperlink ref="E1770" r:id="rId1739" display="9525"/>
    <hyperlink ref="E1771" r:id="rId1740" display="4468"/>
    <hyperlink ref="E1772" r:id="rId1741" display="7077"/>
    <hyperlink ref="E1773" r:id="rId1742" display="7094"/>
    <hyperlink ref="E1774" r:id="rId1743" display="9681"/>
    <hyperlink ref="E1775" r:id="rId1744" display="9679"/>
    <hyperlink ref="E1776" r:id="rId1745" display="5491"/>
    <hyperlink ref="E1777" r:id="rId1746" display="4197"/>
    <hyperlink ref="E1778" r:id="rId1747" display="5241"/>
    <hyperlink ref="E1779" r:id="rId1748" display="6578"/>
    <hyperlink ref="E1780" r:id="rId1749" display="6577"/>
    <hyperlink ref="E1781" r:id="rId1750" display="4198"/>
    <hyperlink ref="E1782" r:id="rId1751" display="8717"/>
    <hyperlink ref="E1783" r:id="rId1752" display="6580"/>
    <hyperlink ref="E1784" r:id="rId1753" display="4961"/>
    <hyperlink ref="E1785" r:id="rId1754" display="5727"/>
    <hyperlink ref="E1786" r:id="rId1755" display="4675"/>
    <hyperlink ref="E1787" r:id="rId1756" display="1700"/>
    <hyperlink ref="E1788" r:id="rId1757" display="5143"/>
    <hyperlink ref="E1790" r:id="rId1758" display="9625"/>
    <hyperlink ref="E1791" r:id="rId1759" display="4195"/>
    <hyperlink ref="E1792" r:id="rId1760" display="3071"/>
    <hyperlink ref="E1793" r:id="rId1761" display="3829"/>
    <hyperlink ref="E1794" r:id="rId1762" display="4196"/>
    <hyperlink ref="E1795" r:id="rId1763" display="5902"/>
    <hyperlink ref="E1796" r:id="rId1764" display="5929"/>
    <hyperlink ref="E1797" r:id="rId1765" display="5903"/>
    <hyperlink ref="E1798" r:id="rId1766" display="4898"/>
    <hyperlink ref="E1799" r:id="rId1767" display="1535"/>
    <hyperlink ref="E1800" r:id="rId1768" display="6212"/>
    <hyperlink ref="E1802" r:id="rId1769" display="5856"/>
    <hyperlink ref="E1803" r:id="rId1770" display="5904"/>
    <hyperlink ref="E1804" r:id="rId1771" display="5073"/>
    <hyperlink ref="E1805" r:id="rId1772" display="4012"/>
    <hyperlink ref="E1806" r:id="rId1773" display="10227"/>
    <hyperlink ref="E1807" r:id="rId1774" display="4013"/>
    <hyperlink ref="E1808" r:id="rId1775" display="5223"/>
    <hyperlink ref="E1809" r:id="rId1776" display="10228"/>
    <hyperlink ref="E1810" r:id="rId1777" display="10118"/>
    <hyperlink ref="E1811" r:id="rId1778" display="9722"/>
    <hyperlink ref="E1812" r:id="rId1779" display="10143"/>
    <hyperlink ref="E1813" r:id="rId1780" display="6248"/>
    <hyperlink ref="E1814" r:id="rId1781" display="5901"/>
    <hyperlink ref="E1816" r:id="rId1782" display="1090"/>
    <hyperlink ref="E1817" r:id="rId1783" display="1088"/>
    <hyperlink ref="E1818" r:id="rId1784" display="1087"/>
    <hyperlink ref="E1819" r:id="rId1785" display="5611"/>
    <hyperlink ref="E1820" r:id="rId1786" display="9782"/>
    <hyperlink ref="E1821" r:id="rId1787" display="5613"/>
    <hyperlink ref="E1822" r:id="rId1788" display="7501"/>
    <hyperlink ref="E1823" r:id="rId1789" display="5271"/>
    <hyperlink ref="E1824" r:id="rId1790" display="7502"/>
    <hyperlink ref="E1825" r:id="rId1791" display="5269"/>
    <hyperlink ref="E1826" r:id="rId1792" display="7503"/>
    <hyperlink ref="E1827" r:id="rId1793" display="4268"/>
    <hyperlink ref="E1828" r:id="rId1794" display="7504"/>
    <hyperlink ref="E1829" r:id="rId1795" display="3485"/>
    <hyperlink ref="E1831" r:id="rId1796" display="9705"/>
    <hyperlink ref="E1832" r:id="rId1797" display="9707"/>
    <hyperlink ref="E1833" r:id="rId1798" display="9414"/>
    <hyperlink ref="E1834" r:id="rId1799" display="9706"/>
    <hyperlink ref="E1835" r:id="rId1800" display="6075"/>
    <hyperlink ref="E1836" r:id="rId1801" display="9914"/>
    <hyperlink ref="E1837" r:id="rId1802" display="9917"/>
    <hyperlink ref="E1838" r:id="rId1803" display="7194"/>
    <hyperlink ref="E1839" r:id="rId1804" display="5800"/>
    <hyperlink ref="E1840" r:id="rId1805" display="9097"/>
    <hyperlink ref="E1841" r:id="rId1806" display="9093"/>
    <hyperlink ref="E1842" r:id="rId1807" display="9146"/>
    <hyperlink ref="E1843" r:id="rId1808" display="9916"/>
    <hyperlink ref="E1844" r:id="rId1809" display="7920"/>
    <hyperlink ref="E1845" r:id="rId1810" display="9057"/>
    <hyperlink ref="E1846" r:id="rId1811" display="9910"/>
    <hyperlink ref="E1847" r:id="rId1812" display="9990"/>
    <hyperlink ref="E1848" r:id="rId1813" display="9979"/>
    <hyperlink ref="E1849" r:id="rId1814" display="9040"/>
    <hyperlink ref="E1850" r:id="rId1815" display="9041"/>
    <hyperlink ref="E1851" r:id="rId1816" display="6060"/>
    <hyperlink ref="E1852" r:id="rId1817" display="9926"/>
    <hyperlink ref="E1853" r:id="rId1818" display="10001"/>
    <hyperlink ref="E1854" r:id="rId1819" display="10271"/>
    <hyperlink ref="E1855" r:id="rId1820" display="9903"/>
    <hyperlink ref="E1856" r:id="rId1821" display="9765"/>
    <hyperlink ref="E1857" r:id="rId1822" display="8602"/>
    <hyperlink ref="E1858" r:id="rId1823" display="10084"/>
    <hyperlink ref="E1859" r:id="rId1824" display="9915"/>
    <hyperlink ref="E1860" r:id="rId1825" display="5803"/>
    <hyperlink ref="E1861" r:id="rId1826" display="5802"/>
    <hyperlink ref="E1862" r:id="rId1827" display="7192"/>
    <hyperlink ref="E1863" r:id="rId1828" display="5976"/>
    <hyperlink ref="E1864" r:id="rId1829" display="9977"/>
    <hyperlink ref="E1865" r:id="rId1830" display="9039"/>
    <hyperlink ref="E1866" r:id="rId1831" display="9044"/>
    <hyperlink ref="E1867" r:id="rId1832" display="9042"/>
    <hyperlink ref="E1868" r:id="rId1833" display="9045"/>
    <hyperlink ref="E1869" r:id="rId1834" display="8845"/>
    <hyperlink ref="E1870" r:id="rId1835" display="9481"/>
    <hyperlink ref="E1871" r:id="rId1836" display="8546"/>
    <hyperlink ref="E1872" r:id="rId1837" display="8338"/>
    <hyperlink ref="E1873" r:id="rId1838" display="10257"/>
    <hyperlink ref="E1874" r:id="rId1839" display="9324"/>
    <hyperlink ref="E1875" r:id="rId1840" display="9079"/>
    <hyperlink ref="E1876" r:id="rId1841" display="7191"/>
    <hyperlink ref="E1877" r:id="rId1842" display="5849"/>
    <hyperlink ref="E1878" r:id="rId1843" display="9142"/>
    <hyperlink ref="E1879" r:id="rId1844" display="9863"/>
    <hyperlink ref="E1880" r:id="rId1845" display="9114"/>
    <hyperlink ref="E1881" r:id="rId1846" display="5947"/>
    <hyperlink ref="E1882" r:id="rId1847" display="8821"/>
    <hyperlink ref="E1883" r:id="rId1848" display="7208"/>
    <hyperlink ref="E1884" r:id="rId1849" display="6059"/>
    <hyperlink ref="E1885" r:id="rId1850" display="7193"/>
    <hyperlink ref="E1886" r:id="rId1851" display="5801"/>
    <hyperlink ref="E1887" r:id="rId1852" display="7515"/>
    <hyperlink ref="E1888" r:id="rId1853" display="7426"/>
    <hyperlink ref="E1889" r:id="rId1854" display="7425"/>
    <hyperlink ref="E1890" r:id="rId1855" display="9876"/>
    <hyperlink ref="E1891" r:id="rId1856" display="9877"/>
    <hyperlink ref="E1892" r:id="rId1857" display="9878"/>
    <hyperlink ref="E1893" r:id="rId1858" display="7509"/>
    <hyperlink ref="E1894" r:id="rId1859" display="7510"/>
    <hyperlink ref="E1895" r:id="rId1860" display="7511"/>
    <hyperlink ref="E1896" r:id="rId1861" display="7512"/>
    <hyperlink ref="E1897" r:id="rId1862" display="6055"/>
    <hyperlink ref="E1898" r:id="rId1863" display="6056"/>
    <hyperlink ref="E1899" r:id="rId1864" display="6057"/>
    <hyperlink ref="E1900" r:id="rId1865" display="6058"/>
    <hyperlink ref="E1901" r:id="rId1866" display="6052"/>
    <hyperlink ref="E1902" r:id="rId1867" display="6051"/>
    <hyperlink ref="E1903" r:id="rId1868" display="6050"/>
    <hyperlink ref="E1904" r:id="rId1869" display="6049"/>
    <hyperlink ref="E1905" r:id="rId1870" display="6347"/>
    <hyperlink ref="E1906" r:id="rId1871" display="6333"/>
    <hyperlink ref="E1907" r:id="rId1872" display="6348"/>
    <hyperlink ref="E1908" r:id="rId1873" display="8762"/>
    <hyperlink ref="E1909" r:id="rId1874" display="8763"/>
    <hyperlink ref="E1910" r:id="rId1875" display="8766"/>
    <hyperlink ref="E1911" r:id="rId1876" display="8767"/>
    <hyperlink ref="E1912" r:id="rId1877" display="8768"/>
    <hyperlink ref="E1913" r:id="rId1878" display="8769"/>
    <hyperlink ref="E1914" r:id="rId1879" display="8530"/>
    <hyperlink ref="E1915" r:id="rId1880" display="6076"/>
    <hyperlink ref="E1916" r:id="rId1881" display="9257"/>
    <hyperlink ref="E1917" r:id="rId1882" display="9258"/>
    <hyperlink ref="E1918" r:id="rId1883" display="9677"/>
    <hyperlink ref="E1919" r:id="rId1884" display="9678"/>
    <hyperlink ref="E1920" r:id="rId1885" display="7792"/>
    <hyperlink ref="E1921" r:id="rId1886" display="7931"/>
    <hyperlink ref="E1922" r:id="rId1887" display="9260"/>
    <hyperlink ref="E1923" r:id="rId1888" display="7929"/>
    <hyperlink ref="E1924" r:id="rId1889" display="7930"/>
    <hyperlink ref="E1925" r:id="rId1890" display="9256"/>
    <hyperlink ref="E1926" r:id="rId1891" display="9924"/>
    <hyperlink ref="E1927" r:id="rId1892" display="7928"/>
    <hyperlink ref="E1928" r:id="rId1893" display="8611"/>
    <hyperlink ref="E1929" r:id="rId1894" display="10018"/>
    <hyperlink ref="E1930" r:id="rId1895" display="10337"/>
    <hyperlink ref="E1931" r:id="rId1896" display="10338"/>
    <hyperlink ref="E1932" r:id="rId1897" display="10339"/>
    <hyperlink ref="E1933" r:id="rId1898" display="6727"/>
    <hyperlink ref="E1934" r:id="rId1899" display="10329"/>
    <hyperlink ref="E1935" r:id="rId1900" display="10022"/>
    <hyperlink ref="E1936" r:id="rId1901" display="10330"/>
    <hyperlink ref="E1937" r:id="rId1902" display="8337"/>
    <hyperlink ref="E1938" r:id="rId1903" display="10015"/>
    <hyperlink ref="E1939" r:id="rId1904" display="10016"/>
    <hyperlink ref="E1940" r:id="rId1905" display="6053"/>
    <hyperlink ref="E1941" r:id="rId1906" display="8484"/>
    <hyperlink ref="E1942" r:id="rId1907" display="6073"/>
    <hyperlink ref="E1943" r:id="rId1908" display="8362"/>
    <hyperlink ref="E1944" r:id="rId1909" display="10023"/>
    <hyperlink ref="E1945" r:id="rId1910" display="10021"/>
    <hyperlink ref="E1946" r:id="rId1911" display="7988"/>
    <hyperlink ref="E1947" r:id="rId1912" display="8881"/>
    <hyperlink ref="E1948" r:id="rId1913" display="6072"/>
    <hyperlink ref="E1949" r:id="rId1914" display="9301"/>
    <hyperlink ref="E1950" r:id="rId1915" display="10288"/>
    <hyperlink ref="E1951" r:id="rId1916" display="9124"/>
    <hyperlink ref="E1952" r:id="rId1917" display="8547"/>
    <hyperlink ref="E1953" r:id="rId1918" display="10020"/>
    <hyperlink ref="E1954" r:id="rId1919" display="8548"/>
    <hyperlink ref="E1955" r:id="rId1920" display="9259"/>
    <hyperlink ref="E1956" r:id="rId1921" display="6061"/>
    <hyperlink ref="E1957" r:id="rId1922" display="10293"/>
    <hyperlink ref="E1958" r:id="rId1923" display="8242"/>
    <hyperlink ref="E1959" r:id="rId1924" display="8243"/>
    <hyperlink ref="E1960" r:id="rId1925" display="8245"/>
    <hyperlink ref="E1961" r:id="rId1926" display="8244"/>
    <hyperlink ref="E1962" r:id="rId1927" display="9117"/>
    <hyperlink ref="E1963" r:id="rId1928" display="9118"/>
    <hyperlink ref="E1964" r:id="rId1929" display="9119"/>
    <hyperlink ref="E1965" r:id="rId1930" display="9120"/>
    <hyperlink ref="E1966" r:id="rId1931" display="8626"/>
    <hyperlink ref="E1967" r:id="rId1932" display="8627"/>
    <hyperlink ref="E1968" r:id="rId1933" display="8631"/>
    <hyperlink ref="E1969" r:id="rId1934" display="8628"/>
    <hyperlink ref="E1970" r:id="rId1935" display="8633"/>
    <hyperlink ref="E1971" r:id="rId1936" display="8630"/>
    <hyperlink ref="E1972" r:id="rId1937" display="8632"/>
    <hyperlink ref="E1973" r:id="rId1938" display="8629"/>
    <hyperlink ref="E1974" r:id="rId1939" display="10125"/>
    <hyperlink ref="E1975" r:id="rId1940" display="10126"/>
    <hyperlink ref="E1976" r:id="rId1941" display="10127"/>
    <hyperlink ref="E1977" r:id="rId1942" display="10087"/>
    <hyperlink ref="E1978" r:id="rId1943" display="7427"/>
    <hyperlink ref="E1979" r:id="rId1944" display="8238"/>
    <hyperlink ref="E1980" r:id="rId1945" display="7839"/>
    <hyperlink ref="E1981" r:id="rId1946" display="9115"/>
    <hyperlink ref="E1982" r:id="rId1947" display="9116"/>
    <hyperlink ref="E1983" r:id="rId1948" display="9102"/>
    <hyperlink ref="E1984" r:id="rId1949" display="10124"/>
    <hyperlink ref="E1985" r:id="rId1950" display="9404"/>
    <hyperlink ref="E1986" r:id="rId1951" display="9052"/>
    <hyperlink ref="E1987" r:id="rId1952" display="9122"/>
    <hyperlink ref="E1988" r:id="rId1953" display="10009"/>
    <hyperlink ref="E1989" r:id="rId1954" display="9123"/>
    <hyperlink ref="E1990" r:id="rId1955" display="9121"/>
    <hyperlink ref="E1991" r:id="rId1956" display="9900"/>
    <hyperlink ref="E1992" r:id="rId1957" display="7797"/>
    <hyperlink ref="E1993" r:id="rId1958" display="9899"/>
    <hyperlink ref="E1994" r:id="rId1959" display="8241"/>
    <hyperlink ref="E1995" r:id="rId1960" display="8240"/>
    <hyperlink ref="E1996" r:id="rId1961" display="7868"/>
    <hyperlink ref="E1997" r:id="rId1962" display="7869"/>
    <hyperlink ref="E1998" r:id="rId1963" display="7918"/>
    <hyperlink ref="E1999" r:id="rId1964" display="8237"/>
    <hyperlink ref="E2000" r:id="rId1965" display="3326"/>
    <hyperlink ref="E2001" r:id="rId1966" display="6861"/>
    <hyperlink ref="E2002" r:id="rId1967" display="7695"/>
    <hyperlink ref="E2003" r:id="rId1968" display="6062"/>
    <hyperlink ref="E2004" r:id="rId1969" display="8774"/>
    <hyperlink ref="E2005" r:id="rId1970" display="9080"/>
    <hyperlink ref="E2006" r:id="rId1971" display="8265"/>
    <hyperlink ref="E2007" r:id="rId1972" display="9125"/>
    <hyperlink ref="E2008" r:id="rId1973" display="6074"/>
    <hyperlink ref="E2009" r:id="rId1974" display="8493"/>
    <hyperlink ref="E2010" r:id="rId1975" display="6912"/>
    <hyperlink ref="E2011" r:id="rId1976" display="9101"/>
    <hyperlink ref="E2012" r:id="rId1977" display="9103"/>
    <hyperlink ref="E2013" r:id="rId1978" display="7696"/>
    <hyperlink ref="E2014" r:id="rId1979" display="9887"/>
    <hyperlink ref="E2015" r:id="rId1980" display="8112"/>
    <hyperlink ref="E2017" r:id="rId1981" display="4501"/>
    <hyperlink ref="E2018" r:id="rId1982" display="4687"/>
    <hyperlink ref="E2019" r:id="rId1983" display="5192"/>
    <hyperlink ref="E2020" r:id="rId1984" display="7065"/>
    <hyperlink ref="E2021" r:id="rId1985" display="6537"/>
    <hyperlink ref="E2022" r:id="rId1986" display="6538"/>
    <hyperlink ref="E2023" r:id="rId1987" display="6093"/>
    <hyperlink ref="E2024" r:id="rId1988" display="6122"/>
    <hyperlink ref="E2025" r:id="rId1989" display="6159"/>
    <hyperlink ref="E2026" r:id="rId1990" display="5892"/>
    <hyperlink ref="E2027" r:id="rId1991" display="6701"/>
    <hyperlink ref="E2028" r:id="rId1992" display="4186"/>
    <hyperlink ref="E2029" r:id="rId1993" display="6505"/>
    <hyperlink ref="E2030" r:id="rId1994" display="3204"/>
    <hyperlink ref="E2032" r:id="rId1995" display="611"/>
    <hyperlink ref="E2034" r:id="rId1996" display="5443"/>
    <hyperlink ref="E2035" r:id="rId1997" display="6236"/>
    <hyperlink ref="E2036" r:id="rId1998" display="5647"/>
    <hyperlink ref="E2038" r:id="rId1999" display="1120"/>
    <hyperlink ref="E2039" r:id="rId2000" display="5384"/>
    <hyperlink ref="E2041" r:id="rId2001" display="623"/>
    <hyperlink ref="E2043" r:id="rId2002" display="7682"/>
    <hyperlink ref="E2044" r:id="rId2003" display="5462"/>
    <hyperlink ref="E2045" r:id="rId2004" display="5460"/>
    <hyperlink ref="E2047" r:id="rId2005" display="8748"/>
    <hyperlink ref="E2048" r:id="rId2006" display="677"/>
    <hyperlink ref="E2050" r:id="rId2007" display="709"/>
    <hyperlink ref="E2051" r:id="rId2008" display="4779"/>
    <hyperlink ref="E2052" r:id="rId2009" display="5038"/>
    <hyperlink ref="E2053" r:id="rId2010" display="4778"/>
    <hyperlink ref="E2054" r:id="rId2011" display="656"/>
    <hyperlink ref="E2056" r:id="rId2012" display="6522"/>
    <hyperlink ref="E2057" r:id="rId2013" display="6459"/>
    <hyperlink ref="E2058" r:id="rId2014" display="667"/>
    <hyperlink ref="E2059" r:id="rId2015" display="1310"/>
    <hyperlink ref="E2060" r:id="rId2016" display="4912"/>
    <hyperlink ref="E2061" r:id="rId2017" display="5282"/>
    <hyperlink ref="E2062" r:id="rId2018" display="5245"/>
    <hyperlink ref="E2063" r:id="rId2019" display="4741"/>
    <hyperlink ref="E2065" r:id="rId2020" display="9588"/>
    <hyperlink ref="E2066" r:id="rId2021" display="7166"/>
    <hyperlink ref="E2067" r:id="rId2022" display="5367"/>
    <hyperlink ref="E2068" r:id="rId2023" display="4739"/>
    <hyperlink ref="E2069" r:id="rId2024" display="1048"/>
    <hyperlink ref="E2071" r:id="rId2025" display="4564"/>
    <hyperlink ref="E2072" r:id="rId2026" display="697"/>
    <hyperlink ref="E2073" r:id="rId2027" display="729"/>
    <hyperlink ref="E2074" r:id="rId2028" display="681"/>
    <hyperlink ref="E2075" r:id="rId2029" display="680"/>
    <hyperlink ref="E2076" r:id="rId2030" display="4396"/>
    <hyperlink ref="E2077" r:id="rId2031" display="5747"/>
    <hyperlink ref="E2078" r:id="rId2032" display="685"/>
    <hyperlink ref="E2079" r:id="rId2033" display="6769"/>
    <hyperlink ref="E2080" r:id="rId2034" display="712"/>
    <hyperlink ref="E2081" r:id="rId2035" display="6770"/>
    <hyperlink ref="E2082" r:id="rId2036" display="688"/>
    <hyperlink ref="E2083" r:id="rId2037" display="4117"/>
    <hyperlink ref="E2084" r:id="rId2038" display="5321"/>
    <hyperlink ref="E2085" r:id="rId2039" display="8365"/>
    <hyperlink ref="E2086" r:id="rId2040" display="8364"/>
    <hyperlink ref="E2087" r:id="rId2041" display="3040"/>
    <hyperlink ref="E2088" r:id="rId2042" display="5179"/>
    <hyperlink ref="E2089" r:id="rId2043" display="686"/>
    <hyperlink ref="E2090" r:id="rId2044" display="684"/>
    <hyperlink ref="E2091" r:id="rId2045" display="4555"/>
    <hyperlink ref="E2092" r:id="rId2046" display="4364"/>
    <hyperlink ref="E2093" r:id="rId2047" display="3214"/>
    <hyperlink ref="E2095" r:id="rId2048" display="4310"/>
    <hyperlink ref="E2096" r:id="rId2049" display="718"/>
    <hyperlink ref="E2097" r:id="rId2050" display="5025"/>
    <hyperlink ref="E2098" r:id="rId2051" display="713"/>
    <hyperlink ref="E2100" r:id="rId2052" display="690"/>
    <hyperlink ref="E2101" r:id="rId2053" display="4571"/>
    <hyperlink ref="E2103" r:id="rId2054" display="692"/>
    <hyperlink ref="E2104" r:id="rId2055" display="3028"/>
    <hyperlink ref="E2106" r:id="rId2056" display="6645"/>
    <hyperlink ref="E2107" r:id="rId2057" display="4524"/>
    <hyperlink ref="E2108" r:id="rId2058" display="6646"/>
    <hyperlink ref="E2110" r:id="rId2059" display="4574"/>
    <hyperlink ref="E2112" r:id="rId2060" display="7610"/>
    <hyperlink ref="E2114" r:id="rId2061" display="10153"/>
    <hyperlink ref="E2115" r:id="rId2062" display="10308"/>
    <hyperlink ref="E2116" r:id="rId2063" display="10324"/>
    <hyperlink ref="E2117" r:id="rId2064" display="4771"/>
    <hyperlink ref="E2118" r:id="rId2065" display="4668"/>
    <hyperlink ref="E2119" r:id="rId2066" display="1160"/>
    <hyperlink ref="E2120" r:id="rId2067" display="6658"/>
    <hyperlink ref="E2121" r:id="rId2068" display="10323"/>
    <hyperlink ref="E2123" r:id="rId2069" display="10198"/>
    <hyperlink ref="E2124" r:id="rId2070" display="10199"/>
    <hyperlink ref="E2125" r:id="rId2071" display="10197"/>
    <hyperlink ref="E2126" r:id="rId2072" display="10204"/>
    <hyperlink ref="E2127" r:id="rId2073" display="10205"/>
    <hyperlink ref="E2128" r:id="rId2074" display="10121"/>
    <hyperlink ref="E2129" r:id="rId2075" display="10166"/>
    <hyperlink ref="E2130" r:id="rId2076" display="9997"/>
    <hyperlink ref="E2131" r:id="rId2077" display="10233"/>
    <hyperlink ref="E2132" r:id="rId2078" display="10234"/>
    <hyperlink ref="E2133" r:id="rId2079" display="10247"/>
    <hyperlink ref="E2134" r:id="rId2080" display="10282"/>
    <hyperlink ref="E2135" r:id="rId2081" display="10249"/>
    <hyperlink ref="E2136" r:id="rId2082" display="10248"/>
    <hyperlink ref="E2137" r:id="rId2083" display="10251"/>
    <hyperlink ref="E2138" r:id="rId2084" display="10250"/>
    <hyperlink ref="E2139" r:id="rId2085" display="10164"/>
    <hyperlink ref="E2140" r:id="rId2086" display="10179"/>
    <hyperlink ref="E2141" r:id="rId2087" display="10116"/>
    <hyperlink ref="E2142" r:id="rId2088" display="10114"/>
    <hyperlink ref="E2143" r:id="rId2089" display="10235"/>
    <hyperlink ref="E2144" r:id="rId2090" display="10202"/>
    <hyperlink ref="E2145" r:id="rId2091" display="10157"/>
    <hyperlink ref="E2146" r:id="rId2092" display="10253"/>
    <hyperlink ref="E2147" r:id="rId2093" display="10106"/>
    <hyperlink ref="E2148" r:id="rId2094" display="10168"/>
    <hyperlink ref="E2149" r:id="rId2095" display="9998"/>
    <hyperlink ref="E2150" r:id="rId2096" display="10117"/>
    <hyperlink ref="E2151" r:id="rId2097" display="10266"/>
    <hyperlink ref="E2152" r:id="rId2098" display="10167"/>
    <hyperlink ref="E2153" r:id="rId2099" display="10004"/>
    <hyperlink ref="E2154" r:id="rId2100" display="10173"/>
    <hyperlink ref="E2155" r:id="rId2101" display="10104"/>
    <hyperlink ref="E2156" r:id="rId2102" display="10178"/>
    <hyperlink ref="E2157" r:id="rId2103" display="10111"/>
    <hyperlink ref="E2158" r:id="rId2104" display="10112"/>
    <hyperlink ref="E2159" r:id="rId2105" display="10107"/>
    <hyperlink ref="E2160" r:id="rId2106" display="9999"/>
    <hyperlink ref="E2161" r:id="rId2107" display="10194"/>
    <hyperlink ref="E2162" r:id="rId2108" display="9993"/>
    <hyperlink ref="E2163" r:id="rId2109" display="9994"/>
    <hyperlink ref="E2164" r:id="rId2110" display="10110"/>
    <hyperlink ref="E2165" r:id="rId2111" display="10083"/>
    <hyperlink ref="E2166" r:id="rId2112" display="9995"/>
    <hyperlink ref="E2167" r:id="rId2113" display="9991"/>
    <hyperlink ref="E2168" r:id="rId2114" display="1189"/>
    <hyperlink ref="E2169" r:id="rId2115" display="987"/>
    <hyperlink ref="E2170" r:id="rId2116" display="994"/>
    <hyperlink ref="E2171" r:id="rId2117" display="9316"/>
    <hyperlink ref="E2172" r:id="rId2118" display="9575"/>
    <hyperlink ref="E2173" r:id="rId2119" display="9727"/>
    <hyperlink ref="E2174" r:id="rId2120" display="9921"/>
    <hyperlink ref="E2175" r:id="rId2121" display="973"/>
    <hyperlink ref="E2176" r:id="rId2122" display="9464"/>
    <hyperlink ref="E2177" r:id="rId2123" display="9376"/>
    <hyperlink ref="E2178" r:id="rId2124" display="9576"/>
    <hyperlink ref="E2179" r:id="rId2125" display="6161"/>
    <hyperlink ref="E2180" r:id="rId2126" display="9726"/>
    <hyperlink ref="E2181" r:id="rId2127" display="9318"/>
    <hyperlink ref="E2182" r:id="rId2128" display="9317"/>
    <hyperlink ref="E2183" r:id="rId2129" display="9932"/>
    <hyperlink ref="E2184" r:id="rId2130" display="10300"/>
    <hyperlink ref="E2185" r:id="rId2131" display="10281"/>
    <hyperlink ref="E2186" r:id="rId2132" display="10277"/>
    <hyperlink ref="E2187" r:id="rId2133" display="10278"/>
    <hyperlink ref="E2188" r:id="rId2134" display="10279"/>
    <hyperlink ref="E2189" r:id="rId2135" display="9377"/>
    <hyperlink ref="E2190" r:id="rId2136" display="9429"/>
    <hyperlink ref="E2191" r:id="rId2137" display="9320"/>
    <hyperlink ref="E2192" r:id="rId2138" display="10200"/>
    <hyperlink ref="E2193" r:id="rId2139" display="9375"/>
    <hyperlink ref="E2194" r:id="rId2140" display="9485"/>
    <hyperlink ref="E2195" r:id="rId2141" display="9577"/>
    <hyperlink ref="E2196" r:id="rId2142" display="9486"/>
    <hyperlink ref="E2197" r:id="rId2143" display="9721"/>
    <hyperlink ref="E2198" r:id="rId2144" display="9321"/>
    <hyperlink ref="E2199" r:id="rId2145" display="5704"/>
    <hyperlink ref="E2200" r:id="rId2146" display="10137"/>
    <hyperlink ref="E2201" r:id="rId2147" display="5382"/>
    <hyperlink ref="E2202" r:id="rId2148" display="3198"/>
    <hyperlink ref="E2203" r:id="rId2149" display="5463"/>
    <hyperlink ref="E2204" r:id="rId2150" display="1188"/>
    <hyperlink ref="E2205" r:id="rId2151" display="10311"/>
    <hyperlink ref="E2206" r:id="rId2152" display="10312"/>
    <hyperlink ref="E2207" r:id="rId2153" display="9834"/>
    <hyperlink ref="E2208" r:id="rId2154" display="9904"/>
    <hyperlink ref="E2210" r:id="rId2155" display="9752"/>
    <hyperlink ref="E2212" r:id="rId2156" display="5938"/>
    <hyperlink ref="E2213" r:id="rId2157" display="7277"/>
    <hyperlink ref="E2214" r:id="rId2158" display="4775"/>
    <hyperlink ref="E2215" r:id="rId2159" display="7278"/>
    <hyperlink ref="E2216" r:id="rId2160" display="4603"/>
    <hyperlink ref="E2217" r:id="rId2161" display="6654"/>
    <hyperlink ref="E2218" r:id="rId2162" display="6185"/>
    <hyperlink ref="E2219" r:id="rId2163" display="5706"/>
  </hyperlinks>
  <pageMargins left="0.33" right="0.33" top="0.5" bottom="0.6" header="0.33" footer="0.28999999999999998"/>
  <pageSetup paperSize="9" fitToHeight="100" orientation="portrait" horizontalDpi="0" verticalDpi="0" r:id="rId2164"/>
  <headerFooter>
    <oddFooter>&amp;RСтраница &amp;P из &amp;N</oddFoot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Листы</vt:lpstr>
      </vt:variant>
      <vt:variant>
        <vt:i4>1</vt:i4>
      </vt:variant>
    </vt:vector>
  </HeadingPairs>
  <TitlesOfParts>
    <vt:vector size="1" baseType="lpstr">
      <vt:lpstr>Прайс лист</vt:lpstr>
    </vt:vector>
  </TitlesOfParts>
  <LinksUpToDate>false</LinksUpToDate>
  <SharedDoc>false</SharedDoc>
  <HyperlinksChanged>false</HyperlinksChanged>
  <AppVersion>12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Dmitry Anfinogenov</dc:creator>
  <cp:lastModifiedBy>dmitryan</cp:lastModifiedBy>
  <dcterms:created xsi:type="dcterms:W3CDTF">2018-09-18T04:45:06Z</dcterms:created>
  <dcterms:modified xsi:type="dcterms:W3CDTF">2018-09-18T04:48:42Z</dcterms:modified>
</cp:coreProperties>
</file>